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media/image12.jpg" ContentType="image/png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media/image25.jpg" ContentType="image/png"/>
  <Override PartName="/ppt/media/image27.jpg" ContentType="image/png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9"/>
  </p:notesMasterIdLst>
  <p:sldIdLst>
    <p:sldId id="256" r:id="rId2"/>
    <p:sldId id="266" r:id="rId3"/>
    <p:sldId id="282" r:id="rId4"/>
    <p:sldId id="270" r:id="rId5"/>
    <p:sldId id="279" r:id="rId6"/>
    <p:sldId id="280" r:id="rId7"/>
    <p:sldId id="283" r:id="rId8"/>
    <p:sldId id="284" r:id="rId9"/>
    <p:sldId id="277" r:id="rId10"/>
    <p:sldId id="273" r:id="rId11"/>
    <p:sldId id="285" r:id="rId12"/>
    <p:sldId id="286" r:id="rId13"/>
    <p:sldId id="288" r:id="rId14"/>
    <p:sldId id="287" r:id="rId15"/>
    <p:sldId id="289" r:id="rId16"/>
    <p:sldId id="293" r:id="rId17"/>
    <p:sldId id="292" r:id="rId18"/>
    <p:sldId id="291" r:id="rId19"/>
    <p:sldId id="290" r:id="rId20"/>
    <p:sldId id="294" r:id="rId21"/>
    <p:sldId id="298" r:id="rId22"/>
    <p:sldId id="296" r:id="rId23"/>
    <p:sldId id="297" r:id="rId24"/>
    <p:sldId id="295" r:id="rId25"/>
    <p:sldId id="274" r:id="rId26"/>
    <p:sldId id="275" r:id="rId27"/>
    <p:sldId id="299" r:id="rId28"/>
  </p:sldIdLst>
  <p:sldSz cx="12192000" cy="6858000"/>
  <p:notesSz cx="6858000" cy="9144000"/>
  <p:defaultTextStyle>
    <a:defPPr>
      <a:defRPr lang="ko-KR"/>
    </a:defPPr>
    <a:lvl1pPr marL="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6A9EC2"/>
    <a:srgbClr val="4C6798"/>
    <a:srgbClr val="97BCD5"/>
    <a:srgbClr val="427AA1"/>
    <a:srgbClr val="EBF2FA"/>
    <a:srgbClr val="FFFFFF"/>
    <a:srgbClr val="05668D"/>
    <a:srgbClr val="A5BE00"/>
    <a:srgbClr val="67943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E85F0181-7422-4B2E-957F-6C714760E859}" v="145" dt="2024-08-20T03:14:16.117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8" d="100"/>
          <a:sy n="108" d="100"/>
        </p:scale>
        <p:origin x="678" y="9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microsoft.com/office/2016/11/relationships/changesInfo" Target="changesInfos/changesInfo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presProps" Target="presProps.xml"/><Relationship Id="rId35" Type="http://schemas.microsoft.com/office/2015/10/relationships/revisionInfo" Target="revisionInfo.xml"/><Relationship Id="rId8" Type="http://schemas.openxmlformats.org/officeDocument/2006/relationships/slide" Target="slides/slide7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유경 김" userId="3901b46e510d3c7f" providerId="LiveId" clId="{5F96A6B9-E222-494D-AB08-859664078266}"/>
    <pc:docChg chg="undo redo custSel addSld delSld modSld sldOrd">
      <pc:chgData name="유경 김" userId="3901b46e510d3c7f" providerId="LiveId" clId="{5F96A6B9-E222-494D-AB08-859664078266}" dt="2024-07-25T12:26:59.288" v="6378" actId="2696"/>
      <pc:docMkLst>
        <pc:docMk/>
      </pc:docMkLst>
      <pc:sldChg chg="addSp delSp modSp mod setBg delAnim modAnim">
        <pc:chgData name="유경 김" userId="3901b46e510d3c7f" providerId="LiveId" clId="{5F96A6B9-E222-494D-AB08-859664078266}" dt="2024-07-24T08:03:08.347" v="3359" actId="692"/>
        <pc:sldMkLst>
          <pc:docMk/>
          <pc:sldMk cId="184286539" sldId="256"/>
        </pc:sldMkLst>
        <pc:spChg chg="mod">
          <ac:chgData name="유경 김" userId="3901b46e510d3c7f" providerId="LiveId" clId="{5F96A6B9-E222-494D-AB08-859664078266}" dt="2024-07-24T08:01:07.724" v="3321" actId="1076"/>
          <ac:spMkLst>
            <pc:docMk/>
            <pc:sldMk cId="184286539" sldId="256"/>
            <ac:spMk id="2" creationId="{D0BA03CE-5ACF-1F09-25F6-8DDC6315FDED}"/>
          </ac:spMkLst>
        </pc:spChg>
        <pc:spChg chg="add del mod">
          <ac:chgData name="유경 김" userId="3901b46e510d3c7f" providerId="LiveId" clId="{5F96A6B9-E222-494D-AB08-859664078266}" dt="2024-07-12T08:14:42.174" v="102" actId="21"/>
          <ac:spMkLst>
            <pc:docMk/>
            <pc:sldMk cId="184286539" sldId="256"/>
            <ac:spMk id="3" creationId="{4063D8F5-3AE3-20B9-3280-559501437EAF}"/>
          </ac:spMkLst>
        </pc:spChg>
        <pc:spChg chg="add del">
          <ac:chgData name="유경 김" userId="3901b46e510d3c7f" providerId="LiveId" clId="{5F96A6B9-E222-494D-AB08-859664078266}" dt="2024-07-11T02:45:30.499" v="14" actId="21"/>
          <ac:spMkLst>
            <pc:docMk/>
            <pc:sldMk cId="184286539" sldId="256"/>
            <ac:spMk id="3" creationId="{C0F2FBFE-4B63-8D6A-1F7F-28665AC95AB9}"/>
          </ac:spMkLst>
        </pc:spChg>
        <pc:spChg chg="add mod ord">
          <ac:chgData name="유경 김" userId="3901b46e510d3c7f" providerId="LiveId" clId="{5F96A6B9-E222-494D-AB08-859664078266}" dt="2024-07-24T07:57:10.245" v="3067" actId="1076"/>
          <ac:spMkLst>
            <pc:docMk/>
            <pc:sldMk cId="184286539" sldId="256"/>
            <ac:spMk id="3" creationId="{C39DB0B0-02E5-E279-27ED-5C505C19C75A}"/>
          </ac:spMkLst>
        </pc:spChg>
        <pc:spChg chg="add mod">
          <ac:chgData name="유경 김" userId="3901b46e510d3c7f" providerId="LiveId" clId="{5F96A6B9-E222-494D-AB08-859664078266}" dt="2024-07-24T08:01:18.793" v="3323" actId="1076"/>
          <ac:spMkLst>
            <pc:docMk/>
            <pc:sldMk cId="184286539" sldId="256"/>
            <ac:spMk id="4" creationId="{80498459-F131-35F5-7FEA-085E99565419}"/>
          </ac:spMkLst>
        </pc:spChg>
        <pc:spChg chg="add mod">
          <ac:chgData name="유경 김" userId="3901b46e510d3c7f" providerId="LiveId" clId="{5F96A6B9-E222-494D-AB08-859664078266}" dt="2024-07-24T07:56:58.924" v="3062" actId="14100"/>
          <ac:spMkLst>
            <pc:docMk/>
            <pc:sldMk cId="184286539" sldId="256"/>
            <ac:spMk id="5" creationId="{D9105840-58EC-51F4-B955-DEC73971F66D}"/>
          </ac:spMkLst>
        </pc:spChg>
        <pc:spChg chg="add mod">
          <ac:chgData name="유경 김" userId="3901b46e510d3c7f" providerId="LiveId" clId="{5F96A6B9-E222-494D-AB08-859664078266}" dt="2024-07-24T07:52:21.928" v="2928" actId="1076"/>
          <ac:spMkLst>
            <pc:docMk/>
            <pc:sldMk cId="184286539" sldId="256"/>
            <ac:spMk id="6" creationId="{493CDCFF-CC68-55F3-8742-611C43563D0E}"/>
          </ac:spMkLst>
        </pc:spChg>
        <pc:spChg chg="add mod">
          <ac:chgData name="유경 김" userId="3901b46e510d3c7f" providerId="LiveId" clId="{5F96A6B9-E222-494D-AB08-859664078266}" dt="2024-07-24T07:57:17.841" v="3069" actId="1076"/>
          <ac:spMkLst>
            <pc:docMk/>
            <pc:sldMk cId="184286539" sldId="256"/>
            <ac:spMk id="7" creationId="{4E2F1DCA-92B2-C790-E2E8-C262E617B2F6}"/>
          </ac:spMkLst>
        </pc:spChg>
        <pc:spChg chg="add mod">
          <ac:chgData name="유경 김" userId="3901b46e510d3c7f" providerId="LiveId" clId="{5F96A6B9-E222-494D-AB08-859664078266}" dt="2024-07-24T08:01:29.780" v="3326" actId="1076"/>
          <ac:spMkLst>
            <pc:docMk/>
            <pc:sldMk cId="184286539" sldId="256"/>
            <ac:spMk id="8" creationId="{18DE6559-AFC5-6C93-4ACF-7366F2C13ECC}"/>
          </ac:spMkLst>
        </pc:spChg>
        <pc:cxnChg chg="add mod">
          <ac:chgData name="유경 김" userId="3901b46e510d3c7f" providerId="LiveId" clId="{5F96A6B9-E222-494D-AB08-859664078266}" dt="2024-07-24T08:02:57.208" v="3349" actId="692"/>
          <ac:cxnSpMkLst>
            <pc:docMk/>
            <pc:sldMk cId="184286539" sldId="256"/>
            <ac:cxnSpMk id="10" creationId="{C9DC09B9-EB8F-B2BD-70C7-326C5509911F}"/>
          </ac:cxnSpMkLst>
        </pc:cxnChg>
        <pc:cxnChg chg="add mod">
          <ac:chgData name="유경 김" userId="3901b46e510d3c7f" providerId="LiveId" clId="{5F96A6B9-E222-494D-AB08-859664078266}" dt="2024-07-24T08:03:08.347" v="3359" actId="692"/>
          <ac:cxnSpMkLst>
            <pc:docMk/>
            <pc:sldMk cId="184286539" sldId="256"/>
            <ac:cxnSpMk id="11" creationId="{1F6C7980-7FA9-00C4-DDD4-79951867C5CF}"/>
          </ac:cxnSpMkLst>
        </pc:cxnChg>
        <pc:cxnChg chg="add mod">
          <ac:chgData name="유경 김" userId="3901b46e510d3c7f" providerId="LiveId" clId="{5F96A6B9-E222-494D-AB08-859664078266}" dt="2024-07-24T08:03:01.359" v="3354" actId="692"/>
          <ac:cxnSpMkLst>
            <pc:docMk/>
            <pc:sldMk cId="184286539" sldId="256"/>
            <ac:cxnSpMk id="12" creationId="{4A510E3D-892A-4820-8881-080132E60D16}"/>
          </ac:cxnSpMkLst>
        </pc:cxnChg>
      </pc:sldChg>
      <pc:sldChg chg="del">
        <pc:chgData name="유경 김" userId="3901b46e510d3c7f" providerId="LiveId" clId="{5F96A6B9-E222-494D-AB08-859664078266}" dt="2024-07-14T13:50:47.045" v="2049" actId="2696"/>
        <pc:sldMkLst>
          <pc:docMk/>
          <pc:sldMk cId="1881629341" sldId="257"/>
        </pc:sldMkLst>
      </pc:sldChg>
      <pc:sldChg chg="addSp delSp modSp del mod modClrScheme chgLayout">
        <pc:chgData name="유경 김" userId="3901b46e510d3c7f" providerId="LiveId" clId="{5F96A6B9-E222-494D-AB08-859664078266}" dt="2024-07-14T12:34:47.654" v="205" actId="2696"/>
        <pc:sldMkLst>
          <pc:docMk/>
          <pc:sldMk cId="2100637825" sldId="258"/>
        </pc:sldMkLst>
        <pc:spChg chg="del mod">
          <ac:chgData name="유경 김" userId="3901b46e510d3c7f" providerId="LiveId" clId="{5F96A6B9-E222-494D-AB08-859664078266}" dt="2024-07-14T12:34:39.486" v="203" actId="21"/>
          <ac:spMkLst>
            <pc:docMk/>
            <pc:sldMk cId="2100637825" sldId="258"/>
            <ac:spMk id="2" creationId="{A5946189-7B99-94D4-686C-D016A07C85DD}"/>
          </ac:spMkLst>
        </pc:spChg>
        <pc:spChg chg="mod">
          <ac:chgData name="유경 김" userId="3901b46e510d3c7f" providerId="LiveId" clId="{5F96A6B9-E222-494D-AB08-859664078266}" dt="2024-07-14T12:31:31.310" v="190" actId="1076"/>
          <ac:spMkLst>
            <pc:docMk/>
            <pc:sldMk cId="2100637825" sldId="258"/>
            <ac:spMk id="3" creationId="{89C95EE0-C106-EF02-3679-13DA264F05A5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6" creationId="{1F258A6F-4B40-A216-B98E-8BE266A00503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7" creationId="{B6DBFDC6-DFD0-E3DA-1488-4807962B4F56}"/>
          </ac:spMkLst>
        </pc:spChg>
        <pc:cxnChg chg="add mod">
          <ac:chgData name="유경 김" userId="3901b46e510d3c7f" providerId="LiveId" clId="{5F96A6B9-E222-494D-AB08-859664078266}" dt="2024-07-14T12:30:38.925" v="168" actId="208"/>
          <ac:cxnSpMkLst>
            <pc:docMk/>
            <pc:sldMk cId="2100637825" sldId="258"/>
            <ac:cxnSpMk id="5" creationId="{7DB88F87-D440-5366-7298-8634E4FEC743}"/>
          </ac:cxnSpMkLst>
        </pc:cxnChg>
      </pc:sldChg>
      <pc:sldChg chg="del mod chgLayout">
        <pc:chgData name="유경 김" userId="3901b46e510d3c7f" providerId="LiveId" clId="{5F96A6B9-E222-494D-AB08-859664078266}" dt="2024-07-24T08:13:23.309" v="3812" actId="2696"/>
        <pc:sldMkLst>
          <pc:docMk/>
          <pc:sldMk cId="1450379881" sldId="259"/>
        </pc:sldMkLst>
      </pc:sldChg>
      <pc:sldChg chg="addSp delSp modSp del mod ord setBg">
        <pc:chgData name="유경 김" userId="3901b46e510d3c7f" providerId="LiveId" clId="{5F96A6B9-E222-494D-AB08-859664078266}" dt="2024-07-25T12:26:07.443" v="6292" actId="2696"/>
        <pc:sldMkLst>
          <pc:docMk/>
          <pc:sldMk cId="219474277" sldId="260"/>
        </pc:sldMkLst>
        <pc:spChg chg="mod">
          <ac:chgData name="유경 김" userId="3901b46e510d3c7f" providerId="LiveId" clId="{5F96A6B9-E222-494D-AB08-859664078266}" dt="2024-07-25T12:19:17.864" v="6205" actId="1076"/>
          <ac:spMkLst>
            <pc:docMk/>
            <pc:sldMk cId="219474277" sldId="260"/>
            <ac:spMk id="2" creationId="{00CCD074-8D70-A15E-845F-12B23A8C9882}"/>
          </ac:spMkLst>
        </pc:spChg>
        <pc:spChg chg="del">
          <ac:chgData name="유경 김" userId="3901b46e510d3c7f" providerId="LiveId" clId="{5F96A6B9-E222-494D-AB08-859664078266}" dt="2024-07-17T08:07:35.044" v="2424" actId="21"/>
          <ac:spMkLst>
            <pc:docMk/>
            <pc:sldMk cId="219474277" sldId="260"/>
            <ac:spMk id="3" creationId="{37A229B3-6E42-CE7D-86C0-B1046B7760C3}"/>
          </ac:spMkLst>
        </pc:spChg>
        <pc:spChg chg="add mod ord">
          <ac:chgData name="유경 김" userId="3901b46e510d3c7f" providerId="LiveId" clId="{5F96A6B9-E222-494D-AB08-859664078266}" dt="2024-07-24T08:50:48.486" v="4031" actId="1076"/>
          <ac:spMkLst>
            <pc:docMk/>
            <pc:sldMk cId="219474277" sldId="260"/>
            <ac:spMk id="3" creationId="{6666A737-4F74-90F1-302B-A99BF6F30B40}"/>
          </ac:spMkLst>
        </pc:spChg>
        <pc:spChg chg="del mod">
          <ac:chgData name="유경 김" userId="3901b46e510d3c7f" providerId="LiveId" clId="{5F96A6B9-E222-494D-AB08-859664078266}" dt="2024-07-17T08:08:07.119" v="2431" actId="21"/>
          <ac:spMkLst>
            <pc:docMk/>
            <pc:sldMk cId="219474277" sldId="260"/>
            <ac:spMk id="4" creationId="{B858C3F8-C151-7EB9-A426-489CB2554980}"/>
          </ac:spMkLst>
        </pc:spChg>
        <pc:spChg chg="add mod">
          <ac:chgData name="유경 김" userId="3901b46e510d3c7f" providerId="LiveId" clId="{5F96A6B9-E222-494D-AB08-859664078266}" dt="2024-07-24T08:47:33.127" v="4015"/>
          <ac:spMkLst>
            <pc:docMk/>
            <pc:sldMk cId="219474277" sldId="260"/>
            <ac:spMk id="5" creationId="{861A2761-2006-AF37-0841-08499ACBCB3F}"/>
          </ac:spMkLst>
        </pc:spChg>
        <pc:spChg chg="add mod">
          <ac:chgData name="유경 김" userId="3901b46e510d3c7f" providerId="LiveId" clId="{5F96A6B9-E222-494D-AB08-859664078266}" dt="2024-07-17T08:11:15.805" v="2480" actId="207"/>
          <ac:spMkLst>
            <pc:docMk/>
            <pc:sldMk cId="219474277" sldId="260"/>
            <ac:spMk id="7" creationId="{D20C8130-B813-DDA9-4C5E-9B9EBDB3E1A4}"/>
          </ac:spMkLst>
        </pc:spChg>
        <pc:spChg chg="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2" creationId="{291B4652-5A67-C745-009A-1ACEC6C69C1A}"/>
          </ac:spMkLst>
        </pc:spChg>
        <pc:spChg chg="add mod">
          <ac:chgData name="유경 김" userId="3901b46e510d3c7f" providerId="LiveId" clId="{5F96A6B9-E222-494D-AB08-859664078266}" dt="2024-07-17T08:13:28.212" v="2509" actId="207"/>
          <ac:spMkLst>
            <pc:docMk/>
            <pc:sldMk cId="219474277" sldId="260"/>
            <ac:spMk id="15" creationId="{54D52A3F-1D64-F312-5166-469BFB4983E9}"/>
          </ac:spMkLst>
        </pc:spChg>
        <pc:spChg chg="add mod">
          <ac:chgData name="유경 김" userId="3901b46e510d3c7f" providerId="LiveId" clId="{5F96A6B9-E222-494D-AB08-859664078266}" dt="2024-07-17T08:14:35.534" v="2600" actId="207"/>
          <ac:spMkLst>
            <pc:docMk/>
            <pc:sldMk cId="219474277" sldId="260"/>
            <ac:spMk id="16" creationId="{E54EF0B7-BEAB-3076-5918-4A086912981E}"/>
          </ac:spMkLst>
        </pc:spChg>
        <pc:spChg chg="add mod">
          <ac:chgData name="유경 김" userId="3901b46e510d3c7f" providerId="LiveId" clId="{5F96A6B9-E222-494D-AB08-859664078266}" dt="2024-07-17T08:17:42.942" v="2658" actId="1076"/>
          <ac:spMkLst>
            <pc:docMk/>
            <pc:sldMk cId="219474277" sldId="260"/>
            <ac:spMk id="17" creationId="{4F12FF26-DA66-A208-3217-3296B5A2412C}"/>
          </ac:spMkLst>
        </pc:spChg>
        <pc:spChg chg="add 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8" creationId="{5C397881-61B4-FCFC-B650-9EB883EB82B1}"/>
          </ac:spMkLst>
        </pc:spChg>
        <pc:spChg chg="mod">
          <ac:chgData name="유경 김" userId="3901b46e510d3c7f" providerId="LiveId" clId="{5F96A6B9-E222-494D-AB08-859664078266}" dt="2024-07-24T08:53:31.392" v="4080" actId="1076"/>
          <ac:spMkLst>
            <pc:docMk/>
            <pc:sldMk cId="219474277" sldId="260"/>
            <ac:spMk id="20" creationId="{E10E6B25-C392-7641-0BA2-5D5950B0F907}"/>
          </ac:spMkLst>
        </pc:spChg>
        <pc:spChg chg="add mod">
          <ac:chgData name="유경 김" userId="3901b46e510d3c7f" providerId="LiveId" clId="{5F96A6B9-E222-494D-AB08-859664078266}" dt="2024-07-24T08:51:11.261" v="4033" actId="1076"/>
          <ac:spMkLst>
            <pc:docMk/>
            <pc:sldMk cId="219474277" sldId="260"/>
            <ac:spMk id="21" creationId="{7078D36E-224A-0A60-B261-7D670F4AB9DF}"/>
          </ac:spMkLst>
        </pc:spChg>
        <pc:spChg chg="add mod">
          <ac:chgData name="유경 김" userId="3901b46e510d3c7f" providerId="LiveId" clId="{5F96A6B9-E222-494D-AB08-859664078266}" dt="2024-07-24T08:51:01.575" v="4032" actId="1076"/>
          <ac:spMkLst>
            <pc:docMk/>
            <pc:sldMk cId="219474277" sldId="260"/>
            <ac:spMk id="22" creationId="{09811AB4-0763-CEF1-65D1-509238538561}"/>
          </ac:spMkLst>
        </pc:spChg>
        <pc:spChg chg="mod">
          <ac:chgData name="유경 김" userId="3901b46e510d3c7f" providerId="LiveId" clId="{5F96A6B9-E222-494D-AB08-859664078266}" dt="2024-07-24T08:53:36.155" v="4081" actId="1076"/>
          <ac:spMkLst>
            <pc:docMk/>
            <pc:sldMk cId="219474277" sldId="260"/>
            <ac:spMk id="23" creationId="{5C6E0433-AEED-9019-4AD1-89592100F85E}"/>
          </ac:spMkLst>
        </pc:spChg>
        <pc:spChg chg="mod">
          <ac:chgData name="유경 김" userId="3901b46e510d3c7f" providerId="LiveId" clId="{5F96A6B9-E222-494D-AB08-859664078266}" dt="2024-07-25T12:25:40.990" v="6286" actId="1076"/>
          <ac:spMkLst>
            <pc:docMk/>
            <pc:sldMk cId="219474277" sldId="260"/>
            <ac:spMk id="29" creationId="{6FC719B1-58B7-AB9F-A821-5B932EDC9CB2}"/>
          </ac:spMkLst>
        </pc:spChg>
        <pc:spChg chg="mod">
          <ac:chgData name="유경 김" userId="3901b46e510d3c7f" providerId="LiveId" clId="{5F96A6B9-E222-494D-AB08-859664078266}" dt="2024-07-25T12:25:12.153" v="6280" actId="1076"/>
          <ac:spMkLst>
            <pc:docMk/>
            <pc:sldMk cId="219474277" sldId="260"/>
            <ac:spMk id="33" creationId="{ADA477F1-C37C-0AD9-D89F-8D4C592EB31F}"/>
          </ac:spMkLst>
        </pc:spChg>
        <pc:spChg chg="mod">
          <ac:chgData name="유경 김" userId="3901b46e510d3c7f" providerId="LiveId" clId="{5F96A6B9-E222-494D-AB08-859664078266}" dt="2024-07-25T12:20:00.231" v="6222"/>
          <ac:spMkLst>
            <pc:docMk/>
            <pc:sldMk cId="219474277" sldId="260"/>
            <ac:spMk id="35" creationId="{BDC391EF-1119-7C90-658A-B2745EE3FF72}"/>
          </ac:spMkLst>
        </pc:spChg>
        <pc:spChg chg="add mod">
          <ac:chgData name="유경 김" userId="3901b46e510d3c7f" providerId="LiveId" clId="{5F96A6B9-E222-494D-AB08-859664078266}" dt="2024-07-24T08:51:55.241" v="4051" actId="1076"/>
          <ac:spMkLst>
            <pc:docMk/>
            <pc:sldMk cId="219474277" sldId="260"/>
            <ac:spMk id="36" creationId="{9A5167E8-92E6-94C6-B8B1-F28E6BA0673B}"/>
          </ac:spMkLst>
        </pc:spChg>
        <pc:spChg chg="add mod">
          <ac:chgData name="유경 김" userId="3901b46e510d3c7f" providerId="LiveId" clId="{5F96A6B9-E222-494D-AB08-859664078266}" dt="2024-07-24T08:52:12.252" v="4073" actId="1076"/>
          <ac:spMkLst>
            <pc:docMk/>
            <pc:sldMk cId="219474277" sldId="260"/>
            <ac:spMk id="37" creationId="{6CE6D141-E09F-16A6-666C-1835D525830C}"/>
          </ac:spMkLst>
        </pc:spChg>
        <pc:picChg chg="add del mod">
          <ac:chgData name="유경 김" userId="3901b46e510d3c7f" providerId="LiveId" clId="{5F96A6B9-E222-494D-AB08-859664078266}" dt="2024-07-17T08:11:37.602" v="2495" actId="21"/>
          <ac:picMkLst>
            <pc:docMk/>
            <pc:sldMk cId="219474277" sldId="260"/>
            <ac:picMk id="6" creationId="{CF1262DC-C260-8EEC-2419-DC44C2B235AA}"/>
          </ac:picMkLst>
        </pc:picChg>
        <pc:picChg chg="add mod">
          <ac:chgData name="유경 김" userId="3901b46e510d3c7f" providerId="LiveId" clId="{5F96A6B9-E222-494D-AB08-859664078266}" dt="2024-07-25T12:19:22.822" v="6206" actId="1076"/>
          <ac:picMkLst>
            <pc:docMk/>
            <pc:sldMk cId="219474277" sldId="260"/>
            <ac:picMk id="9" creationId="{75A2682E-7FE0-25CB-9ABA-E933E190B33C}"/>
          </ac:picMkLst>
        </pc:picChg>
        <pc:cxnChg chg="mod">
          <ac:chgData name="유경 김" userId="3901b46e510d3c7f" providerId="LiveId" clId="{5F96A6B9-E222-494D-AB08-859664078266}" dt="2024-07-24T08:51:16.098" v="4034" actId="692"/>
          <ac:cxnSpMkLst>
            <pc:docMk/>
            <pc:sldMk cId="219474277" sldId="260"/>
            <ac:cxnSpMk id="4" creationId="{3C46D914-AF89-35EF-8028-B08208403B76}"/>
          </ac:cxnSpMkLst>
        </pc:cxnChg>
        <pc:cxnChg chg="add mod">
          <ac:chgData name="유경 김" userId="3901b46e510d3c7f" providerId="LiveId" clId="{5F96A6B9-E222-494D-AB08-859664078266}" dt="2024-07-24T08:54:04.629" v="4085" actId="14100"/>
          <ac:cxnSpMkLst>
            <pc:docMk/>
            <pc:sldMk cId="219474277" sldId="260"/>
            <ac:cxnSpMk id="8" creationId="{994E8EDB-33D7-C91B-4D44-D0C4F5F5A5DB}"/>
          </ac:cxnSpMkLst>
        </pc:cxnChg>
        <pc:cxnChg chg="add del mod">
          <ac:chgData name="유경 김" userId="3901b46e510d3c7f" providerId="LiveId" clId="{5F96A6B9-E222-494D-AB08-859664078266}" dt="2024-07-24T08:53:13.015" v="4076" actId="21"/>
          <ac:cxnSpMkLst>
            <pc:docMk/>
            <pc:sldMk cId="219474277" sldId="260"/>
            <ac:cxnSpMk id="11" creationId="{C0FC4F86-CAD5-3E8F-E9DE-DE09AEB15363}"/>
          </ac:cxnSpMkLst>
        </pc:cxnChg>
        <pc:cxnChg chg="add 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13" creationId="{7E453F5F-EC80-B582-0212-701E481CD59D}"/>
          </ac:cxnSpMkLst>
        </pc:cxnChg>
        <pc:cxnChg chg="add mod">
          <ac:chgData name="유경 김" userId="3901b46e510d3c7f" providerId="LiveId" clId="{5F96A6B9-E222-494D-AB08-859664078266}" dt="2024-07-24T08:51:30.033" v="4039" actId="14100"/>
          <ac:cxnSpMkLst>
            <pc:docMk/>
            <pc:sldMk cId="219474277" sldId="260"/>
            <ac:cxnSpMk id="24" creationId="{86C0F283-5D81-1318-DBBD-66879DDF6D62}"/>
          </ac:cxnSpMkLst>
        </pc:cxnChg>
        <pc:cxnChg chg="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25" creationId="{B45C989A-8DB1-EF77-750E-7CE633D952E9}"/>
          </ac:cxnSpMkLst>
        </pc:cxnChg>
        <pc:cxnChg chg="add mod">
          <ac:chgData name="유경 김" userId="3901b46e510d3c7f" providerId="LiveId" clId="{5F96A6B9-E222-494D-AB08-859664078266}" dt="2024-07-24T08:53:20.380" v="4078" actId="1076"/>
          <ac:cxnSpMkLst>
            <pc:docMk/>
            <pc:sldMk cId="219474277" sldId="260"/>
            <ac:cxnSpMk id="38" creationId="{3CF2F093-124A-497D-58C8-7AF772295160}"/>
          </ac:cxnSpMkLst>
        </pc:cxnChg>
      </pc:sldChg>
      <pc:sldChg chg="addSp delSp modSp del mod ord setBg">
        <pc:chgData name="유경 김" userId="3901b46e510d3c7f" providerId="LiveId" clId="{5F96A6B9-E222-494D-AB08-859664078266}" dt="2024-07-25T12:16:45.533" v="6188" actId="2696"/>
        <pc:sldMkLst>
          <pc:docMk/>
          <pc:sldMk cId="447050520" sldId="261"/>
        </pc:sldMkLst>
        <pc:spChg chg="mod">
          <ac:chgData name="유경 김" userId="3901b46e510d3c7f" providerId="LiveId" clId="{5F96A6B9-E222-494D-AB08-859664078266}" dt="2024-07-14T14:16:40.738" v="2076" actId="1076"/>
          <ac:spMkLst>
            <pc:docMk/>
            <pc:sldMk cId="447050520" sldId="261"/>
            <ac:spMk id="2" creationId="{509A26CE-B8B4-F0B4-330C-7C445B030264}"/>
          </ac:spMkLst>
        </pc:spChg>
        <pc:spChg chg="add mod ord">
          <ac:chgData name="유경 김" userId="3901b46e510d3c7f" providerId="LiveId" clId="{5F96A6B9-E222-494D-AB08-859664078266}" dt="2024-07-24T08:26:39.514" v="3944" actId="167"/>
          <ac:spMkLst>
            <pc:docMk/>
            <pc:sldMk cId="447050520" sldId="261"/>
            <ac:spMk id="3" creationId="{950D8700-C2E0-1D5E-B0BC-430885E711A9}"/>
          </ac:spMkLst>
        </pc:spChg>
        <pc:spChg chg="add del mod ord">
          <ac:chgData name="유경 김" userId="3901b46e510d3c7f" providerId="LiveId" clId="{5F96A6B9-E222-494D-AB08-859664078266}" dt="2024-07-24T08:41:37.232" v="3954" actId="14100"/>
          <ac:spMkLst>
            <pc:docMk/>
            <pc:sldMk cId="447050520" sldId="261"/>
            <ac:spMk id="5" creationId="{FCDE3AAA-58C1-C9B0-B99C-30852907A738}"/>
          </ac:spMkLst>
        </pc:spChg>
        <pc:spChg chg="add mod">
          <ac:chgData name="유경 김" userId="3901b46e510d3c7f" providerId="LiveId" clId="{5F96A6B9-E222-494D-AB08-859664078266}" dt="2024-07-24T08:26:50.181" v="3945" actId="2711"/>
          <ac:spMkLst>
            <pc:docMk/>
            <pc:sldMk cId="447050520" sldId="261"/>
            <ac:spMk id="12" creationId="{B96CD782-F573-4050-DB4D-BD6460154CF9}"/>
          </ac:spMkLst>
        </pc:spChg>
        <pc:picChg chg="add mod">
          <ac:chgData name="유경 김" userId="3901b46e510d3c7f" providerId="LiveId" clId="{5F96A6B9-E222-494D-AB08-859664078266}" dt="2024-07-14T14:16:34.155" v="2075" actId="1076"/>
          <ac:picMkLst>
            <pc:docMk/>
            <pc:sldMk cId="447050520" sldId="261"/>
            <ac:picMk id="4" creationId="{C01469CD-FA85-11DC-7B89-179F950909B3}"/>
          </ac:picMkLst>
        </pc:picChg>
        <pc:cxnChg chg="add mod">
          <ac:chgData name="유경 김" userId="3901b46e510d3c7f" providerId="LiveId" clId="{5F96A6B9-E222-494D-AB08-859664078266}" dt="2024-07-14T14:17:43.762" v="2274" actId="14100"/>
          <ac:cxnSpMkLst>
            <pc:docMk/>
            <pc:sldMk cId="447050520" sldId="261"/>
            <ac:cxnSpMk id="7" creationId="{FAD23EAB-E91E-121F-2137-576F4E2BFEB3}"/>
          </ac:cxnSpMkLst>
        </pc:cxnChg>
      </pc:sldChg>
      <pc:sldChg chg="del">
        <pc:chgData name="유경 김" userId="3901b46e510d3c7f" providerId="LiveId" clId="{5F96A6B9-E222-494D-AB08-859664078266}" dt="2024-07-25T12:26:59.288" v="6378" actId="2696"/>
        <pc:sldMkLst>
          <pc:docMk/>
          <pc:sldMk cId="1203104434" sldId="262"/>
        </pc:sldMkLst>
      </pc:sldChg>
      <pc:sldChg chg="addSp delSp modSp new mod ord">
        <pc:chgData name="유경 김" userId="3901b46e510d3c7f" providerId="LiveId" clId="{5F96A6B9-E222-494D-AB08-859664078266}" dt="2024-07-25T12:26:48.891" v="6376" actId="20577"/>
        <pc:sldMkLst>
          <pc:docMk/>
          <pc:sldMk cId="1348666558" sldId="263"/>
        </pc:sldMkLst>
        <pc:spChg chg="add mod ord">
          <ac:chgData name="유경 김" userId="3901b46e510d3c7f" providerId="LiveId" clId="{5F96A6B9-E222-494D-AB08-859664078266}" dt="2024-07-14T13:02:39.614" v="537" actId="207"/>
          <ac:spMkLst>
            <pc:docMk/>
            <pc:sldMk cId="1348666558" sldId="263"/>
            <ac:spMk id="2" creationId="{C85794B8-516D-7801-DB0C-BA6C7FC40F5C}"/>
          </ac:spMkLst>
        </pc:spChg>
        <pc:spChg chg="add mod">
          <ac:chgData name="유경 김" userId="3901b46e510d3c7f" providerId="LiveId" clId="{5F96A6B9-E222-494D-AB08-859664078266}" dt="2024-07-14T12:54:55.241" v="331" actId="113"/>
          <ac:spMkLst>
            <pc:docMk/>
            <pc:sldMk cId="1348666558" sldId="263"/>
            <ac:spMk id="3" creationId="{06B9D07E-B3C8-7DF8-6051-6FA55631738D}"/>
          </ac:spMkLst>
        </pc:spChg>
        <pc:spChg chg="add mod">
          <ac:chgData name="유경 김" userId="3901b46e510d3c7f" providerId="LiveId" clId="{5F96A6B9-E222-494D-AB08-859664078266}" dt="2024-07-14T12:53:38.032" v="292" actId="1076"/>
          <ac:spMkLst>
            <pc:docMk/>
            <pc:sldMk cId="1348666558" sldId="263"/>
            <ac:spMk id="4" creationId="{BC77ED80-4DF0-845D-30F2-DE70BB1672FA}"/>
          </ac:spMkLst>
        </pc:spChg>
        <pc:spChg chg="add mod">
          <ac:chgData name="유경 김" userId="3901b46e510d3c7f" providerId="LiveId" clId="{5F96A6B9-E222-494D-AB08-859664078266}" dt="2024-07-14T12:53:52.426" v="296" actId="208"/>
          <ac:spMkLst>
            <pc:docMk/>
            <pc:sldMk cId="1348666558" sldId="263"/>
            <ac:spMk id="5" creationId="{41BE6B08-6830-51E3-1D1F-AF20F50E3B41}"/>
          </ac:spMkLst>
        </pc:spChg>
        <pc:spChg chg="add mod">
          <ac:chgData name="유경 김" userId="3901b46e510d3c7f" providerId="LiveId" clId="{5F96A6B9-E222-494D-AB08-859664078266}" dt="2024-07-14T12:53:55.261" v="297" actId="208"/>
          <ac:spMkLst>
            <pc:docMk/>
            <pc:sldMk cId="1348666558" sldId="263"/>
            <ac:spMk id="6" creationId="{8B629337-F431-E6B5-2D49-FA3B4821932D}"/>
          </ac:spMkLst>
        </pc:spChg>
        <pc:spChg chg="add mod">
          <ac:chgData name="유경 김" userId="3901b46e510d3c7f" providerId="LiveId" clId="{5F96A6B9-E222-494D-AB08-859664078266}" dt="2024-07-14T12:53:58.629" v="298" actId="208"/>
          <ac:spMkLst>
            <pc:docMk/>
            <pc:sldMk cId="1348666558" sldId="263"/>
            <ac:spMk id="7" creationId="{4CDB7936-86E8-040C-22ED-48585E1301B6}"/>
          </ac:spMkLst>
        </pc:spChg>
        <pc:spChg chg="add mod">
          <ac:chgData name="유경 김" userId="3901b46e510d3c7f" providerId="LiveId" clId="{5F96A6B9-E222-494D-AB08-859664078266}" dt="2024-07-24T09:05:08.683" v="4095" actId="20577"/>
          <ac:spMkLst>
            <pc:docMk/>
            <pc:sldMk cId="1348666558" sldId="263"/>
            <ac:spMk id="8" creationId="{42E95D6C-BF75-687C-5CCA-38938F284FDD}"/>
          </ac:spMkLst>
        </pc:spChg>
        <pc:spChg chg="add del">
          <ac:chgData name="유경 김" userId="3901b46e510d3c7f" providerId="LiveId" clId="{5F96A6B9-E222-494D-AB08-859664078266}" dt="2024-07-14T12:38:49.411" v="233" actId="21"/>
          <ac:spMkLst>
            <pc:docMk/>
            <pc:sldMk cId="1348666558" sldId="263"/>
            <ac:spMk id="8" creationId="{FA0091D7-0BC5-5A29-6E26-36CE7AF76DA9}"/>
          </ac:spMkLst>
        </pc:spChg>
        <pc:spChg chg="add mod">
          <ac:chgData name="유경 김" userId="3901b46e510d3c7f" providerId="LiveId" clId="{5F96A6B9-E222-494D-AB08-859664078266}" dt="2024-07-25T12:26:48.891" v="6376" actId="20577"/>
          <ac:spMkLst>
            <pc:docMk/>
            <pc:sldMk cId="1348666558" sldId="263"/>
            <ac:spMk id="9" creationId="{B784F2DC-C5CC-BB53-277A-6155CC0C506D}"/>
          </ac:spMkLst>
        </pc:spChg>
        <pc:spChg chg="add del mod">
          <ac:chgData name="유경 김" userId="3901b46e510d3c7f" providerId="LiveId" clId="{5F96A6B9-E222-494D-AB08-859664078266}" dt="2024-07-14T12:40:16.849" v="236" actId="21"/>
          <ac:spMkLst>
            <pc:docMk/>
            <pc:sldMk cId="1348666558" sldId="263"/>
            <ac:spMk id="9" creationId="{DDBC7ECA-3FBC-392A-0F5D-49333504CC87}"/>
          </ac:spMkLst>
        </pc:spChg>
        <pc:spChg chg="add mod">
          <ac:chgData name="유경 김" userId="3901b46e510d3c7f" providerId="LiveId" clId="{5F96A6B9-E222-494D-AB08-859664078266}" dt="2024-07-14T12:47:26.343" v="237"/>
          <ac:spMkLst>
            <pc:docMk/>
            <pc:sldMk cId="1348666558" sldId="263"/>
            <ac:spMk id="10" creationId="{DDBC7ECA-3FBC-392A-0F5D-49333504CC87}"/>
          </ac:spMkLst>
        </pc:spChg>
        <pc:spChg chg="add del mod ord">
          <ac:chgData name="유경 김" userId="3901b46e510d3c7f" providerId="LiveId" clId="{5F96A6B9-E222-494D-AB08-859664078266}" dt="2024-07-14T12:53:14.633" v="289" actId="21"/>
          <ac:spMkLst>
            <pc:docMk/>
            <pc:sldMk cId="1348666558" sldId="263"/>
            <ac:spMk id="11" creationId="{1F9EA572-887A-7B17-71E7-AAFB60DB786C}"/>
          </ac:spMkLst>
        </pc:spChg>
        <pc:spChg chg="add del mod">
          <ac:chgData name="유경 김" userId="3901b46e510d3c7f" providerId="LiveId" clId="{5F96A6B9-E222-494D-AB08-859664078266}" dt="2024-07-14T12:53:46.713" v="294" actId="21"/>
          <ac:spMkLst>
            <pc:docMk/>
            <pc:sldMk cId="1348666558" sldId="263"/>
            <ac:spMk id="12" creationId="{93693B72-3649-8C79-6D7E-441A65383A65}"/>
          </ac:spMkLst>
        </pc:spChg>
        <pc:spChg chg="add del mod">
          <ac:chgData name="유경 김" userId="3901b46e510d3c7f" providerId="LiveId" clId="{5F96A6B9-E222-494D-AB08-859664078266}" dt="2024-07-14T12:53:48.247" v="295" actId="21"/>
          <ac:spMkLst>
            <pc:docMk/>
            <pc:sldMk cId="1348666558" sldId="263"/>
            <ac:spMk id="13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0:04.798" v="245"/>
          <ac:spMkLst>
            <pc:docMk/>
            <pc:sldMk cId="1348666558" sldId="263"/>
            <ac:spMk id="14" creationId="{C3F55A39-AB51-8E2E-9C70-747D9F41FFE5}"/>
          </ac:spMkLst>
        </pc:spChg>
        <pc:spChg chg="add mod">
          <ac:chgData name="유경 김" userId="3901b46e510d3c7f" providerId="LiveId" clId="{5F96A6B9-E222-494D-AB08-859664078266}" dt="2024-07-14T12:51:01.411" v="254"/>
          <ac:spMkLst>
            <pc:docMk/>
            <pc:sldMk cId="1348666558" sldId="263"/>
            <ac:spMk id="17" creationId="{E61DF4DD-E85F-DA1F-BBA9-815102A54B50}"/>
          </ac:spMkLst>
        </pc:spChg>
        <pc:spChg chg="add del mod">
          <ac:chgData name="유경 김" userId="3901b46e510d3c7f" providerId="LiveId" clId="{5F96A6B9-E222-494D-AB08-859664078266}" dt="2024-07-14T12:51:45.328" v="262" actId="21"/>
          <ac:spMkLst>
            <pc:docMk/>
            <pc:sldMk cId="1348666558" sldId="263"/>
            <ac:spMk id="19" creationId="{C0B64C9C-3EDD-6F17-D05A-D797536075B4}"/>
          </ac:spMkLst>
        </pc:spChg>
        <pc:spChg chg="add mod">
          <ac:chgData name="유경 김" userId="3901b46e510d3c7f" providerId="LiveId" clId="{5F96A6B9-E222-494D-AB08-859664078266}" dt="2024-07-14T12:51:47.624" v="263"/>
          <ac:spMkLst>
            <pc:docMk/>
            <pc:sldMk cId="1348666558" sldId="263"/>
            <ac:spMk id="20" creationId="{DBBCA3D2-7431-D4B2-BAAE-FD6B80238E09}"/>
          </ac:spMkLst>
        </pc:spChg>
        <pc:spChg chg="add mod">
          <ac:chgData name="유경 김" userId="3901b46e510d3c7f" providerId="LiveId" clId="{5F96A6B9-E222-494D-AB08-859664078266}" dt="2024-07-14T12:52:28.915" v="277"/>
          <ac:spMkLst>
            <pc:docMk/>
            <pc:sldMk cId="1348666558" sldId="263"/>
            <ac:spMk id="22" creationId="{2BCD02FB-9B94-642D-16EB-3C8EEA3C1440}"/>
          </ac:spMkLst>
        </pc:spChg>
        <pc:spChg chg="add del mod">
          <ac:chgData name="유경 김" userId="3901b46e510d3c7f" providerId="LiveId" clId="{5F96A6B9-E222-494D-AB08-859664078266}" dt="2024-07-14T12:54:04.257" v="300" actId="21"/>
          <ac:spMkLst>
            <pc:docMk/>
            <pc:sldMk cId="1348666558" sldId="263"/>
            <ac:spMk id="24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6:02.764" v="355" actId="1076"/>
          <ac:spMkLst>
            <pc:docMk/>
            <pc:sldMk cId="1348666558" sldId="263"/>
            <ac:spMk id="28" creationId="{690DB62D-9FE3-97F0-C9ED-073DA82C0DCE}"/>
          </ac:spMkLst>
        </pc:spChg>
        <pc:spChg chg="add del">
          <ac:chgData name="유경 김" userId="3901b46e510d3c7f" providerId="LiveId" clId="{5F96A6B9-E222-494D-AB08-859664078266}" dt="2024-07-14T12:56:23.256" v="357" actId="21"/>
          <ac:spMkLst>
            <pc:docMk/>
            <pc:sldMk cId="1348666558" sldId="263"/>
            <ac:spMk id="31" creationId="{78ED2D64-5277-DBC9-5499-742C55109E3C}"/>
          </ac:spMkLst>
        </pc:spChg>
        <pc:spChg chg="add mod">
          <ac:chgData name="유경 김" userId="3901b46e510d3c7f" providerId="LiveId" clId="{5F96A6B9-E222-494D-AB08-859664078266}" dt="2024-07-14T13:00:09.428" v="520" actId="20577"/>
          <ac:spMkLst>
            <pc:docMk/>
            <pc:sldMk cId="1348666558" sldId="263"/>
            <ac:spMk id="32" creationId="{669B669C-19FF-21B6-284D-B1AD983A705D}"/>
          </ac:spMkLst>
        </pc:spChg>
        <pc:spChg chg="add mod">
          <ac:chgData name="유경 김" userId="3901b46e510d3c7f" providerId="LiveId" clId="{5F96A6B9-E222-494D-AB08-859664078266}" dt="2024-07-14T13:00:07.698" v="519" actId="20577"/>
          <ac:spMkLst>
            <pc:docMk/>
            <pc:sldMk cId="1348666558" sldId="263"/>
            <ac:spMk id="33" creationId="{64868EAD-F18D-8FDB-E512-5996FE3825B6}"/>
          </ac:spMkLst>
        </pc:spChg>
        <pc:spChg chg="add mod">
          <ac:chgData name="유경 김" userId="3901b46e510d3c7f" providerId="LiveId" clId="{5F96A6B9-E222-494D-AB08-859664078266}" dt="2024-07-14T13:00:14.389" v="525" actId="20577"/>
          <ac:spMkLst>
            <pc:docMk/>
            <pc:sldMk cId="1348666558" sldId="263"/>
            <ac:spMk id="34" creationId="{B42BD1CB-A6E7-E308-83B4-92F3A49BEA47}"/>
          </ac:spMkLst>
        </pc:spChg>
        <pc:spChg chg="add mod">
          <ac:chgData name="유경 김" userId="3901b46e510d3c7f" providerId="LiveId" clId="{5F96A6B9-E222-494D-AB08-859664078266}" dt="2024-07-14T13:00:28.096" v="531" actId="2711"/>
          <ac:spMkLst>
            <pc:docMk/>
            <pc:sldMk cId="1348666558" sldId="263"/>
            <ac:spMk id="35" creationId="{6E175BC9-E538-25C3-DAFC-CD93BCEE4922}"/>
          </ac:spMkLst>
        </pc:spChg>
        <pc:picChg chg="add del mod modCrop">
          <ac:chgData name="유경 김" userId="3901b46e510d3c7f" providerId="LiveId" clId="{5F96A6B9-E222-494D-AB08-859664078266}" dt="2024-07-14T12:50:52.908" v="251" actId="21"/>
          <ac:picMkLst>
            <pc:docMk/>
            <pc:sldMk cId="1348666558" sldId="263"/>
            <ac:picMk id="15" creationId="{F487F749-1AEA-A4F3-7D69-68E2AF5C44E3}"/>
          </ac:picMkLst>
        </pc:picChg>
        <pc:picChg chg="add del mod">
          <ac:chgData name="유경 김" userId="3901b46e510d3c7f" providerId="LiveId" clId="{5F96A6B9-E222-494D-AB08-859664078266}" dt="2024-07-14T12:50:59.419" v="253" actId="21"/>
          <ac:picMkLst>
            <pc:docMk/>
            <pc:sldMk cId="1348666558" sldId="263"/>
            <ac:picMk id="16" creationId="{F487F749-1AEA-A4F3-7D69-68E2AF5C44E3}"/>
          </ac:picMkLst>
        </pc:picChg>
        <pc:picChg chg="add del mod modCrop">
          <ac:chgData name="유경 김" userId="3901b46e510d3c7f" providerId="LiveId" clId="{5F96A6B9-E222-494D-AB08-859664078266}" dt="2024-07-14T12:53:03.502" v="287" actId="21"/>
          <ac:picMkLst>
            <pc:docMk/>
            <pc:sldMk cId="1348666558" sldId="263"/>
            <ac:picMk id="18" creationId="{20769EBD-E117-6F9D-DC83-576B31417098}"/>
          </ac:picMkLst>
        </pc:picChg>
        <pc:picChg chg="add del mod modCrop">
          <ac:chgData name="유경 김" userId="3901b46e510d3c7f" providerId="LiveId" clId="{5F96A6B9-E222-494D-AB08-859664078266}" dt="2024-07-14T12:52:11.079" v="267" actId="21"/>
          <ac:picMkLst>
            <pc:docMk/>
            <pc:sldMk cId="1348666558" sldId="263"/>
            <ac:picMk id="21" creationId="{A1DFE79C-F656-3296-D1BB-114BCF702BCE}"/>
          </ac:picMkLst>
        </pc:picChg>
        <pc:picChg chg="add mod modCrop">
          <ac:chgData name="유경 김" userId="3901b46e510d3c7f" providerId="LiveId" clId="{5F96A6B9-E222-494D-AB08-859664078266}" dt="2024-07-14T12:56:56.024" v="363" actId="1076"/>
          <ac:picMkLst>
            <pc:docMk/>
            <pc:sldMk cId="1348666558" sldId="263"/>
            <ac:picMk id="23" creationId="{B57319DB-EFA8-60AD-4A65-58ED739B1156}"/>
          </ac:picMkLst>
        </pc:picChg>
        <pc:picChg chg="add mod">
          <ac:chgData name="유경 김" userId="3901b46e510d3c7f" providerId="LiveId" clId="{5F96A6B9-E222-494D-AB08-859664078266}" dt="2024-07-25T11:48:39.527" v="5913" actId="1038"/>
          <ac:picMkLst>
            <pc:docMk/>
            <pc:sldMk cId="1348666558" sldId="263"/>
            <ac:picMk id="25" creationId="{A90AFF65-FEAE-47CA-DDF3-89485C7619B0}"/>
          </ac:picMkLst>
        </pc:picChg>
        <pc:picChg chg="add mod">
          <ac:chgData name="유경 김" userId="3901b46e510d3c7f" providerId="LiveId" clId="{5F96A6B9-E222-494D-AB08-859664078266}" dt="2024-07-14T12:54:21.756" v="307" actId="1076"/>
          <ac:picMkLst>
            <pc:docMk/>
            <pc:sldMk cId="1348666558" sldId="263"/>
            <ac:picMk id="26" creationId="{10390E4F-3DFC-2851-311F-D5EB9A7E474C}"/>
          </ac:picMkLst>
        </pc:picChg>
        <pc:picChg chg="add mod">
          <ac:chgData name="유경 김" userId="3901b46e510d3c7f" providerId="LiveId" clId="{5F96A6B9-E222-494D-AB08-859664078266}" dt="2024-07-14T12:54:15.441" v="306" actId="1076"/>
          <ac:picMkLst>
            <pc:docMk/>
            <pc:sldMk cId="1348666558" sldId="263"/>
            <ac:picMk id="27" creationId="{614BC8D4-B457-596C-A43C-96E7372F83CC}"/>
          </ac:picMkLst>
        </pc:picChg>
        <pc:picChg chg="add del mod">
          <ac:chgData name="유경 김" userId="3901b46e510d3c7f" providerId="LiveId" clId="{5F96A6B9-E222-494D-AB08-859664078266}" dt="2024-07-14T13:02:21.283" v="535" actId="21"/>
          <ac:picMkLst>
            <pc:docMk/>
            <pc:sldMk cId="1348666558" sldId="263"/>
            <ac:picMk id="37" creationId="{74C900E1-7240-7025-B56F-C81081907A26}"/>
          </ac:picMkLst>
        </pc:picChg>
        <pc:picChg chg="add mod">
          <ac:chgData name="유경 김" userId="3901b46e510d3c7f" providerId="LiveId" clId="{5F96A6B9-E222-494D-AB08-859664078266}" dt="2024-07-14T13:03:32.791" v="542" actId="1076"/>
          <ac:picMkLst>
            <pc:docMk/>
            <pc:sldMk cId="1348666558" sldId="263"/>
            <ac:picMk id="39" creationId="{403B7714-69FB-66AF-8478-8CA17C0211D1}"/>
          </ac:picMkLst>
        </pc:picChg>
        <pc:picChg chg="add mod">
          <ac:chgData name="유경 김" userId="3901b46e510d3c7f" providerId="LiveId" clId="{5F96A6B9-E222-494D-AB08-859664078266}" dt="2024-07-14T13:03:46.417" v="552" actId="1076"/>
          <ac:picMkLst>
            <pc:docMk/>
            <pc:sldMk cId="1348666558" sldId="263"/>
            <ac:picMk id="41" creationId="{70364A2A-7921-3363-F0B5-2ABB710FB729}"/>
          </ac:picMkLst>
        </pc:picChg>
        <pc:picChg chg="add mod">
          <ac:chgData name="유경 김" userId="3901b46e510d3c7f" providerId="LiveId" clId="{5F96A6B9-E222-494D-AB08-859664078266}" dt="2024-07-15T09:05:29.181" v="2360" actId="1076"/>
          <ac:picMkLst>
            <pc:docMk/>
            <pc:sldMk cId="1348666558" sldId="263"/>
            <ac:picMk id="43" creationId="{CE5D75C3-EA77-DBF4-F609-6A9CDF8550D8}"/>
          </ac:picMkLst>
        </pc:picChg>
        <pc:picChg chg="add mod">
          <ac:chgData name="유경 김" userId="3901b46e510d3c7f" providerId="LiveId" clId="{5F96A6B9-E222-494D-AB08-859664078266}" dt="2024-07-14T13:03:52.138" v="557" actId="1076"/>
          <ac:picMkLst>
            <pc:docMk/>
            <pc:sldMk cId="1348666558" sldId="263"/>
            <ac:picMk id="45" creationId="{649B9190-88BD-D618-7E9E-8C31438BB012}"/>
          </ac:picMkLst>
        </pc:picChg>
        <pc:cxnChg chg="add mod">
          <ac:chgData name="유경 김" userId="3901b46e510d3c7f" providerId="LiveId" clId="{5F96A6B9-E222-494D-AB08-859664078266}" dt="2024-07-14T12:55:41.392" v="351" actId="208"/>
          <ac:cxnSpMkLst>
            <pc:docMk/>
            <pc:sldMk cId="1348666558" sldId="263"/>
            <ac:cxnSpMk id="30" creationId="{FB2CFE4F-3DB6-4D71-8A9C-CC1BC1EB3068}"/>
          </ac:cxnSpMkLst>
        </pc:cxnChg>
      </pc:sldChg>
      <pc:sldChg chg="addSp delSp modSp new del mod ord setBg">
        <pc:chgData name="유경 김" userId="3901b46e510d3c7f" providerId="LiveId" clId="{5F96A6B9-E222-494D-AB08-859664078266}" dt="2024-07-25T12:02:09.693" v="6141" actId="2696"/>
        <pc:sldMkLst>
          <pc:docMk/>
          <pc:sldMk cId="3634635851" sldId="264"/>
        </pc:sldMkLst>
        <pc:spChg chg="add del mod">
          <ac:chgData name="유경 김" userId="3901b46e510d3c7f" providerId="LiveId" clId="{5F96A6B9-E222-494D-AB08-859664078266}" dt="2024-07-24T08:15:29.919" v="3839" actId="21"/>
          <ac:spMkLst>
            <pc:docMk/>
            <pc:sldMk cId="3634635851" sldId="264"/>
            <ac:spMk id="2" creationId="{8DEB66D1-03A1-CC2B-BF83-D16CFD316E7C}"/>
          </ac:spMkLst>
        </pc:spChg>
        <pc:spChg chg="add mod ord">
          <ac:chgData name="유경 김" userId="3901b46e510d3c7f" providerId="LiveId" clId="{5F96A6B9-E222-494D-AB08-859664078266}" dt="2024-07-24T08:25:48.827" v="3938" actId="1076"/>
          <ac:spMkLst>
            <pc:docMk/>
            <pc:sldMk cId="3634635851" sldId="264"/>
            <ac:spMk id="4" creationId="{43F2F4DC-72C8-B07B-DF4C-E1F6184EE9D2}"/>
          </ac:spMkLst>
        </pc:spChg>
        <pc:spChg chg="add mod">
          <ac:chgData name="유경 김" userId="3901b46e510d3c7f" providerId="LiveId" clId="{5F96A6B9-E222-494D-AB08-859664078266}" dt="2024-07-24T08:25:01.458" v="3924"/>
          <ac:spMkLst>
            <pc:docMk/>
            <pc:sldMk cId="3634635851" sldId="264"/>
            <ac:spMk id="5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14T13:25:39.046" v="614" actId="21"/>
          <ac:spMkLst>
            <pc:docMk/>
            <pc:sldMk cId="3634635851" sldId="264"/>
            <ac:spMk id="6" creationId="{0A73D871-B76E-7CE2-56F0-B91A838A43F1}"/>
          </ac:spMkLst>
        </pc:spChg>
        <pc:spChg chg="add mod">
          <ac:chgData name="유경 김" userId="3901b46e510d3c7f" providerId="LiveId" clId="{5F96A6B9-E222-494D-AB08-859664078266}" dt="2024-07-25T11:56:32.103" v="6085" actId="20577"/>
          <ac:spMkLst>
            <pc:docMk/>
            <pc:sldMk cId="3634635851" sldId="264"/>
            <ac:spMk id="6" creationId="{81D70450-469B-CB07-6D49-D04D34FB2FB8}"/>
          </ac:spMkLst>
        </pc:spChg>
        <pc:spChg chg="add del mod">
          <ac:chgData name="유경 김" userId="3901b46e510d3c7f" providerId="LiveId" clId="{5F96A6B9-E222-494D-AB08-859664078266}" dt="2024-07-14T13:22:22.549" v="565" actId="21"/>
          <ac:spMkLst>
            <pc:docMk/>
            <pc:sldMk cId="3634635851" sldId="264"/>
            <ac:spMk id="7" creationId="{27946257-A6B5-B8EC-6A4E-12F14B54EEA8}"/>
          </ac:spMkLst>
        </pc:spChg>
        <pc:spChg chg="add mod">
          <ac:chgData name="유경 김" userId="3901b46e510d3c7f" providerId="LiveId" clId="{5F96A6B9-E222-494D-AB08-859664078266}" dt="2024-07-24T08:22:34.816" v="3901" actId="207"/>
          <ac:spMkLst>
            <pc:docMk/>
            <pc:sldMk cId="3634635851" sldId="264"/>
            <ac:spMk id="8" creationId="{2546CD6E-28E1-7121-709A-9C8FCF21B6F8}"/>
          </ac:spMkLst>
        </pc:spChg>
        <pc:spChg chg="add del mod ord">
          <ac:chgData name="유경 김" userId="3901b46e510d3c7f" providerId="LiveId" clId="{5F96A6B9-E222-494D-AB08-859664078266}" dt="2024-07-24T08:25:20.382" v="3931" actId="21"/>
          <ac:spMkLst>
            <pc:docMk/>
            <pc:sldMk cId="3634635851" sldId="264"/>
            <ac:spMk id="9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24T08:22:30.920" v="3900" actId="207"/>
          <ac:spMkLst>
            <pc:docMk/>
            <pc:sldMk cId="3634635851" sldId="264"/>
            <ac:spMk id="10" creationId="{985C7B46-B3F7-24B6-840E-9ED7C056B2EA}"/>
          </ac:spMkLst>
        </pc:spChg>
        <pc:spChg chg="add del mod">
          <ac:chgData name="유경 김" userId="3901b46e510d3c7f" providerId="LiveId" clId="{5F96A6B9-E222-494D-AB08-859664078266}" dt="2024-07-14T13:24:56.467" v="603" actId="21"/>
          <ac:spMkLst>
            <pc:docMk/>
            <pc:sldMk cId="3634635851" sldId="264"/>
            <ac:spMk id="11" creationId="{213D3610-A40E-2C80-C333-9548C4D1B6C7}"/>
          </ac:spMkLst>
        </pc:spChg>
        <pc:spChg chg="add mod">
          <ac:chgData name="유경 김" userId="3901b46e510d3c7f" providerId="LiveId" clId="{5F96A6B9-E222-494D-AB08-859664078266}" dt="2024-07-24T08:24:09.097" v="3913" actId="207"/>
          <ac:spMkLst>
            <pc:docMk/>
            <pc:sldMk cId="3634635851" sldId="264"/>
            <ac:spMk id="14" creationId="{1498D4F6-B040-988E-CE81-8E6F6208EACF}"/>
          </ac:spMkLst>
        </pc:spChg>
        <pc:spChg chg="add mod">
          <ac:chgData name="유경 김" userId="3901b46e510d3c7f" providerId="LiveId" clId="{5F96A6B9-E222-494D-AB08-859664078266}" dt="2024-07-24T08:24:04.139" v="3912" actId="207"/>
          <ac:spMkLst>
            <pc:docMk/>
            <pc:sldMk cId="3634635851" sldId="264"/>
            <ac:spMk id="15" creationId="{B9E78D9D-B4AB-AEAC-F18A-0B4CFBEF658C}"/>
          </ac:spMkLst>
        </pc:spChg>
        <pc:spChg chg="add mod">
          <ac:chgData name="유경 김" userId="3901b46e510d3c7f" providerId="LiveId" clId="{5F96A6B9-E222-494D-AB08-859664078266}" dt="2024-07-24T08:23:57.386" v="3910" actId="207"/>
          <ac:spMkLst>
            <pc:docMk/>
            <pc:sldMk cId="3634635851" sldId="264"/>
            <ac:spMk id="16" creationId="{A265CA6E-3D78-8549-3325-C2DB4B06EBC9}"/>
          </ac:spMkLst>
        </pc:spChg>
        <pc:spChg chg="add mod">
          <ac:chgData name="유경 김" userId="3901b46e510d3c7f" providerId="LiveId" clId="{5F96A6B9-E222-494D-AB08-859664078266}" dt="2024-07-24T08:24:00.563" v="3911" actId="207"/>
          <ac:spMkLst>
            <pc:docMk/>
            <pc:sldMk cId="3634635851" sldId="264"/>
            <ac:spMk id="17" creationId="{596E6329-4A06-27B8-1DF8-69BA11F71F83}"/>
          </ac:spMkLst>
        </pc:spChg>
        <pc:spChg chg="add mod">
          <ac:chgData name="유경 김" userId="3901b46e510d3c7f" providerId="LiveId" clId="{5F96A6B9-E222-494D-AB08-859664078266}" dt="2024-07-24T08:26:01.390" v="3941" actId="207"/>
          <ac:spMkLst>
            <pc:docMk/>
            <pc:sldMk cId="3634635851" sldId="264"/>
            <ac:spMk id="18" creationId="{F8D016CD-761B-381E-5040-9A9CD786E07F}"/>
          </ac:spMkLst>
        </pc:spChg>
        <pc:spChg chg="add del mod">
          <ac:chgData name="유경 김" userId="3901b46e510d3c7f" providerId="LiveId" clId="{5F96A6B9-E222-494D-AB08-859664078266}" dt="2024-07-14T13:31:13.062" v="977"/>
          <ac:spMkLst>
            <pc:docMk/>
            <pc:sldMk cId="3634635851" sldId="264"/>
            <ac:spMk id="19" creationId="{49701B26-9A40-A4BE-0487-1E28D627C403}"/>
          </ac:spMkLst>
        </pc:spChg>
        <pc:spChg chg="add mod">
          <ac:chgData name="유경 김" userId="3901b46e510d3c7f" providerId="LiveId" clId="{5F96A6B9-E222-494D-AB08-859664078266}" dt="2024-07-24T08:23:33.976" v="3906" actId="207"/>
          <ac:spMkLst>
            <pc:docMk/>
            <pc:sldMk cId="3634635851" sldId="264"/>
            <ac:spMk id="20" creationId="{96FD83C1-50E9-B693-8C3F-03BD5A230C4A}"/>
          </ac:spMkLst>
        </pc:spChg>
        <pc:spChg chg="add del mod">
          <ac:chgData name="유경 김" userId="3901b46e510d3c7f" providerId="LiveId" clId="{5F96A6B9-E222-494D-AB08-859664078266}" dt="2024-07-14T13:33:24.556" v="1678"/>
          <ac:spMkLst>
            <pc:docMk/>
            <pc:sldMk cId="3634635851" sldId="264"/>
            <ac:spMk id="21" creationId="{8832AA3D-FDAB-1A8C-7E5C-FD0415B954F4}"/>
          </ac:spMkLst>
        </pc:spChg>
        <pc:spChg chg="add del mod">
          <ac:chgData name="유경 김" userId="3901b46e510d3c7f" providerId="LiveId" clId="{5F96A6B9-E222-494D-AB08-859664078266}" dt="2024-07-14T13:33:24.556" v="1680"/>
          <ac:spMkLst>
            <pc:docMk/>
            <pc:sldMk cId="3634635851" sldId="264"/>
            <ac:spMk id="22" creationId="{A4EFFFB7-28B4-6B96-D894-F6D316FB813C}"/>
          </ac:spMkLst>
        </pc:spChg>
        <pc:spChg chg="add mod">
          <ac:chgData name="유경 김" userId="3901b46e510d3c7f" providerId="LiveId" clId="{5F96A6B9-E222-494D-AB08-859664078266}" dt="2024-07-24T08:18:49.986" v="3874" actId="1076"/>
          <ac:spMkLst>
            <pc:docMk/>
            <pc:sldMk cId="3634635851" sldId="264"/>
            <ac:spMk id="23" creationId="{8B24864E-424B-BCFC-CD5E-7C53B5D9BB20}"/>
          </ac:spMkLst>
        </pc:spChg>
        <pc:spChg chg="add mod">
          <ac:chgData name="유경 김" userId="3901b46e510d3c7f" providerId="LiveId" clId="{5F96A6B9-E222-494D-AB08-859664078266}" dt="2024-07-24T08:19:15.199" v="3881" actId="1076"/>
          <ac:spMkLst>
            <pc:docMk/>
            <pc:sldMk cId="3634635851" sldId="264"/>
            <ac:spMk id="24" creationId="{7962C4F4-720C-8A02-610B-DE096B8AA3C9}"/>
          </ac:spMkLst>
        </pc:spChg>
        <pc:spChg chg="add mod">
          <ac:chgData name="유경 김" userId="3901b46e510d3c7f" providerId="LiveId" clId="{5F96A6B9-E222-494D-AB08-859664078266}" dt="2024-07-24T08:19:07.718" v="3880" actId="1076"/>
          <ac:spMkLst>
            <pc:docMk/>
            <pc:sldMk cId="3634635851" sldId="264"/>
            <ac:spMk id="25" creationId="{9B602174-937D-6118-375F-951F51BA1ADD}"/>
          </ac:spMkLst>
        </pc:spChg>
        <pc:spChg chg="add del mod">
          <ac:chgData name="유경 김" userId="3901b46e510d3c7f" providerId="LiveId" clId="{5F96A6B9-E222-494D-AB08-859664078266}" dt="2024-07-14T13:34:55.629" v="1741" actId="21"/>
          <ac:spMkLst>
            <pc:docMk/>
            <pc:sldMk cId="3634635851" sldId="264"/>
            <ac:spMk id="26" creationId="{AD40D7F0-6752-C267-4EC0-9B310431B719}"/>
          </ac:spMkLst>
        </pc:spChg>
        <pc:spChg chg="add mod">
          <ac:chgData name="유경 김" userId="3901b46e510d3c7f" providerId="LiveId" clId="{5F96A6B9-E222-494D-AB08-859664078266}" dt="2024-07-24T08:19:02.285" v="3879" actId="1076"/>
          <ac:spMkLst>
            <pc:docMk/>
            <pc:sldMk cId="3634635851" sldId="264"/>
            <ac:spMk id="27" creationId="{D8F5D06D-0815-1605-4803-2D81032A3469}"/>
          </ac:spMkLst>
        </pc:spChg>
        <pc:spChg chg="add mod">
          <ac:chgData name="유경 김" userId="3901b46e510d3c7f" providerId="LiveId" clId="{5F96A6B9-E222-494D-AB08-859664078266}" dt="2024-07-24T08:21:54.586" v="3897" actId="1076"/>
          <ac:spMkLst>
            <pc:docMk/>
            <pc:sldMk cId="3634635851" sldId="264"/>
            <ac:spMk id="28" creationId="{8F407EAC-645A-465E-4BB2-8BF9A5985D34}"/>
          </ac:spMkLst>
        </pc:spChg>
        <pc:spChg chg="add mod">
          <ac:chgData name="유경 김" userId="3901b46e510d3c7f" providerId="LiveId" clId="{5F96A6B9-E222-494D-AB08-859664078266}" dt="2024-07-24T08:18:59.228" v="3878" actId="1076"/>
          <ac:spMkLst>
            <pc:docMk/>
            <pc:sldMk cId="3634635851" sldId="264"/>
            <ac:spMk id="29" creationId="{33C1E0EB-DA3F-4286-4DFE-2F5FDEBB343B}"/>
          </ac:spMkLst>
        </pc:spChg>
        <pc:spChg chg="add mod">
          <ac:chgData name="유경 김" userId="3901b46e510d3c7f" providerId="LiveId" clId="{5F96A6B9-E222-494D-AB08-859664078266}" dt="2024-07-24T08:23:31.205" v="3905" actId="207"/>
          <ac:spMkLst>
            <pc:docMk/>
            <pc:sldMk cId="3634635851" sldId="264"/>
            <ac:spMk id="30" creationId="{CB26B494-3D35-AA0E-1AC2-C2B2A1115A1A}"/>
          </ac:spMkLst>
        </pc:spChg>
        <pc:spChg chg="add mod">
          <ac:chgData name="유경 김" userId="3901b46e510d3c7f" providerId="LiveId" clId="{5F96A6B9-E222-494D-AB08-859664078266}" dt="2024-07-14T13:47:04.795" v="1996" actId="1076"/>
          <ac:spMkLst>
            <pc:docMk/>
            <pc:sldMk cId="3634635851" sldId="264"/>
            <ac:spMk id="31" creationId="{18AC9422-DA41-8E04-4F73-71CCD53EDDE0}"/>
          </ac:spMkLst>
        </pc:spChg>
        <pc:spChg chg="add mod">
          <ac:chgData name="유경 김" userId="3901b46e510d3c7f" providerId="LiveId" clId="{5F96A6B9-E222-494D-AB08-859664078266}" dt="2024-07-14T14:12:00.586" v="2054" actId="1076"/>
          <ac:spMkLst>
            <pc:docMk/>
            <pc:sldMk cId="3634635851" sldId="264"/>
            <ac:spMk id="32" creationId="{53BFAE01-EA36-2478-0F05-FE52BD1521A4}"/>
          </ac:spMkLst>
        </pc:spChg>
        <pc:spChg chg="add mod">
          <ac:chgData name="유경 김" userId="3901b46e510d3c7f" providerId="LiveId" clId="{5F96A6B9-E222-494D-AB08-859664078266}" dt="2024-07-14T14:12:04.490" v="2055" actId="1076"/>
          <ac:spMkLst>
            <pc:docMk/>
            <pc:sldMk cId="3634635851" sldId="264"/>
            <ac:spMk id="33" creationId="{02A104B2-70BA-095F-3D68-30B02F8E00FE}"/>
          </ac:spMkLst>
        </pc:spChg>
        <pc:spChg chg="add mod">
          <ac:chgData name="유경 김" userId="3901b46e510d3c7f" providerId="LiveId" clId="{5F96A6B9-E222-494D-AB08-859664078266}" dt="2024-07-24T08:23:23.749" v="3904" actId="207"/>
          <ac:spMkLst>
            <pc:docMk/>
            <pc:sldMk cId="3634635851" sldId="264"/>
            <ac:spMk id="40" creationId="{7A88DBC6-A435-80B2-A147-3DE34E52929B}"/>
          </ac:spMkLst>
        </pc:spChg>
        <pc:spChg chg="add mod">
          <ac:chgData name="유경 김" userId="3901b46e510d3c7f" providerId="LiveId" clId="{5F96A6B9-E222-494D-AB08-859664078266}" dt="2024-07-24T08:23:18.209" v="3903" actId="207"/>
          <ac:spMkLst>
            <pc:docMk/>
            <pc:sldMk cId="3634635851" sldId="264"/>
            <ac:spMk id="43" creationId="{BE5FB3A4-C63B-6874-56CA-AB4E6CF2836A}"/>
          </ac:spMkLst>
        </pc:spChg>
        <pc:picChg chg="add del">
          <ac:chgData name="유경 김" userId="3901b46e510d3c7f" providerId="LiveId" clId="{5F96A6B9-E222-494D-AB08-859664078266}" dt="2024-07-14T13:42:18.435" v="1950" actId="21"/>
          <ac:picMkLst>
            <pc:docMk/>
            <pc:sldMk cId="3634635851" sldId="264"/>
            <ac:picMk id="35" creationId="{D9D6346D-4366-2DEE-06E9-1772816A2A58}"/>
          </ac:picMkLst>
        </pc:picChg>
        <pc:picChg chg="add del mod">
          <ac:chgData name="유경 김" userId="3901b46e510d3c7f" providerId="LiveId" clId="{5F96A6B9-E222-494D-AB08-859664078266}" dt="2024-07-14T13:44:37.167" v="1958" actId="21"/>
          <ac:picMkLst>
            <pc:docMk/>
            <pc:sldMk cId="3634635851" sldId="264"/>
            <ac:picMk id="37" creationId="{A1A3B8C1-9BF5-FE25-CD33-EB84D52121D5}"/>
          </ac:picMkLst>
        </pc:picChg>
        <pc:picChg chg="add mod">
          <ac:chgData name="유경 김" userId="3901b46e510d3c7f" providerId="LiveId" clId="{5F96A6B9-E222-494D-AB08-859664078266}" dt="2024-07-25T11:51:09.428" v="5943" actId="1076"/>
          <ac:picMkLst>
            <pc:docMk/>
            <pc:sldMk cId="3634635851" sldId="264"/>
            <ac:picMk id="39" creationId="{583B3646-64FC-50D7-7DFF-8D8F921183DE}"/>
          </ac:picMkLst>
        </pc:picChg>
        <pc:cxnChg chg="add mod ord">
          <ac:chgData name="유경 김" userId="3901b46e510d3c7f" providerId="LiveId" clId="{5F96A6B9-E222-494D-AB08-859664078266}" dt="2024-07-24T08:21:48.175" v="3895" actId="692"/>
          <ac:cxnSpMkLst>
            <pc:docMk/>
            <pc:sldMk cId="3634635851" sldId="264"/>
            <ac:cxnSpMk id="3" creationId="{6C0652E6-86CE-5EF6-E867-1D6810911DAF}"/>
          </ac:cxnSpMkLst>
        </pc:cxnChg>
        <pc:cxnChg chg="add del mod">
          <ac:chgData name="유경 김" userId="3901b46e510d3c7f" providerId="LiveId" clId="{5F96A6B9-E222-494D-AB08-859664078266}" dt="2024-07-14T13:46:58.305" v="1995" actId="21"/>
          <ac:cxnSpMkLst>
            <pc:docMk/>
            <pc:sldMk cId="3634635851" sldId="264"/>
            <ac:cxnSpMk id="42" creationId="{820CB49C-1196-20F9-06DA-DF3C2F767254}"/>
          </ac:cxnSpMkLst>
        </pc:cxnChg>
      </pc:sldChg>
      <pc:sldChg chg="new">
        <pc:chgData name="유경 김" userId="3901b46e510d3c7f" providerId="LiveId" clId="{5F96A6B9-E222-494D-AB08-859664078266}" dt="2024-07-15T08:44:16.795" v="2359" actId="680"/>
        <pc:sldMkLst>
          <pc:docMk/>
          <pc:sldMk cId="1615569610" sldId="265"/>
        </pc:sldMkLst>
      </pc:sldChg>
      <pc:sldChg chg="del">
        <pc:chgData name="유경 김" userId="3901b46e510d3c7f" providerId="LiveId" clId="{5F96A6B9-E222-494D-AB08-859664078266}" dt="2024-07-25T12:26:54.548" v="6377" actId="2696"/>
        <pc:sldMkLst>
          <pc:docMk/>
          <pc:sldMk cId="3949622989" sldId="265"/>
        </pc:sldMkLst>
      </pc:sldChg>
      <pc:sldChg chg="addSp delSp modSp new mod">
        <pc:chgData name="유경 김" userId="3901b46e510d3c7f" providerId="LiveId" clId="{5F96A6B9-E222-494D-AB08-859664078266}" dt="2024-07-25T11:20:05.570" v="4294" actId="20577"/>
        <pc:sldMkLst>
          <pc:docMk/>
          <pc:sldMk cId="1227121415" sldId="266"/>
        </pc:sldMkLst>
        <pc:spChg chg="add mod">
          <ac:chgData name="유경 김" userId="3901b46e510d3c7f" providerId="LiveId" clId="{5F96A6B9-E222-494D-AB08-859664078266}" dt="2024-07-24T08:06:26.596" v="3722" actId="14861"/>
          <ac:spMkLst>
            <pc:docMk/>
            <pc:sldMk cId="1227121415" sldId="266"/>
            <ac:spMk id="2" creationId="{CC06B963-8CEE-7F8C-093A-DB5B9BE5351B}"/>
          </ac:spMkLst>
        </pc:spChg>
        <pc:spChg chg="add mod">
          <ac:chgData name="유경 김" userId="3901b46e510d3c7f" providerId="LiveId" clId="{5F96A6B9-E222-494D-AB08-859664078266}" dt="2024-07-24T08:11:50.994" v="3779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5F96A6B9-E222-494D-AB08-859664078266}" dt="2024-07-24T08:07:02.532" v="3725"/>
          <ac:spMkLst>
            <pc:docMk/>
            <pc:sldMk cId="1227121415" sldId="266"/>
            <ac:spMk id="5" creationId="{04DF88DE-6C94-6DA2-481D-73A5A05C2908}"/>
          </ac:spMkLst>
        </pc:spChg>
        <pc:spChg chg="add mod">
          <ac:chgData name="유경 김" userId="3901b46e510d3c7f" providerId="LiveId" clId="{5F96A6B9-E222-494D-AB08-859664078266}" dt="2024-07-24T08:07:08.323" v="3726"/>
          <ac:spMkLst>
            <pc:docMk/>
            <pc:sldMk cId="1227121415" sldId="266"/>
            <ac:spMk id="6" creationId="{42419E4F-1221-CABC-ECB9-AC0EBFA2A40A}"/>
          </ac:spMkLst>
        </pc:spChg>
        <pc:spChg chg="add mod">
          <ac:chgData name="유경 김" userId="3901b46e510d3c7f" providerId="LiveId" clId="{5F96A6B9-E222-494D-AB08-859664078266}" dt="2024-07-24T08:07:12.089" v="3727"/>
          <ac:spMkLst>
            <pc:docMk/>
            <pc:sldMk cId="1227121415" sldId="266"/>
            <ac:spMk id="7" creationId="{0E58272D-03F5-DEB0-8EED-D0FDC91F540A}"/>
          </ac:spMkLst>
        </pc:spChg>
        <pc:spChg chg="add del">
          <ac:chgData name="유경 김" userId="3901b46e510d3c7f" providerId="LiveId" clId="{5F96A6B9-E222-494D-AB08-859664078266}" dt="2024-07-24T08:07:20.959" v="3729" actId="22"/>
          <ac:spMkLst>
            <pc:docMk/>
            <pc:sldMk cId="1227121415" sldId="266"/>
            <ac:spMk id="9" creationId="{607FF3F8-3EDB-A779-DF43-C97E3AD9A02E}"/>
          </ac:spMkLst>
        </pc:spChg>
        <pc:spChg chg="add del">
          <ac:chgData name="유경 김" userId="3901b46e510d3c7f" providerId="LiveId" clId="{5F96A6B9-E222-494D-AB08-859664078266}" dt="2024-07-24T08:07:30.797" v="3731" actId="22"/>
          <ac:spMkLst>
            <pc:docMk/>
            <pc:sldMk cId="1227121415" sldId="266"/>
            <ac:spMk id="11" creationId="{CF479B07-D60B-35BA-2113-96E379FFE3E2}"/>
          </ac:spMkLst>
        </pc:spChg>
        <pc:spChg chg="add del mod">
          <ac:chgData name="유경 김" userId="3901b46e510d3c7f" providerId="LiveId" clId="{5F96A6B9-E222-494D-AB08-859664078266}" dt="2024-07-24T08:07:46.360" v="3734" actId="21"/>
          <ac:spMkLst>
            <pc:docMk/>
            <pc:sldMk cId="1227121415" sldId="266"/>
            <ac:spMk id="13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8.712" v="3735"/>
          <ac:spMkLst>
            <pc:docMk/>
            <pc:sldMk cId="1227121415" sldId="266"/>
            <ac:spMk id="14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9.065" v="3736"/>
          <ac:spMkLst>
            <pc:docMk/>
            <pc:sldMk cId="1227121415" sldId="266"/>
            <ac:spMk id="15" creationId="{11FF41D9-3E16-9392-E84C-493A42C633C5}"/>
          </ac:spMkLst>
        </pc:spChg>
        <pc:spChg chg="add mod">
          <ac:chgData name="유경 김" userId="3901b46e510d3c7f" providerId="LiveId" clId="{5F96A6B9-E222-494D-AB08-859664078266}" dt="2024-07-24T08:07:49.438" v="3737"/>
          <ac:spMkLst>
            <pc:docMk/>
            <pc:sldMk cId="1227121415" sldId="266"/>
            <ac:spMk id="16" creationId="{2043A51A-0B51-004A-1423-84FC0E5D45A8}"/>
          </ac:spMkLst>
        </pc:spChg>
        <pc:spChg chg="add mod">
          <ac:chgData name="유경 김" userId="3901b46e510d3c7f" providerId="LiveId" clId="{5F96A6B9-E222-494D-AB08-859664078266}" dt="2024-07-24T08:12:37.117" v="3809" actId="20577"/>
          <ac:spMkLst>
            <pc:docMk/>
            <pc:sldMk cId="1227121415" sldId="266"/>
            <ac:spMk id="17" creationId="{87282ED2-3DC1-C4C4-07EA-6E3D8AD980CD}"/>
          </ac:spMkLst>
        </pc:spChg>
        <pc:spChg chg="add mod">
          <ac:chgData name="유경 김" userId="3901b46e510d3c7f" providerId="LiveId" clId="{5F96A6B9-E222-494D-AB08-859664078266}" dt="2024-07-25T11:19:59.642" v="4280" actId="20577"/>
          <ac:spMkLst>
            <pc:docMk/>
            <pc:sldMk cId="1227121415" sldId="266"/>
            <ac:spMk id="18" creationId="{9990DCE9-B76E-1E92-22AB-18034A5C8FB0}"/>
          </ac:spMkLst>
        </pc:spChg>
        <pc:spChg chg="add mod">
          <ac:chgData name="유경 김" userId="3901b46e510d3c7f" providerId="LiveId" clId="{5F96A6B9-E222-494D-AB08-859664078266}" dt="2024-07-25T11:20:05.570" v="4294" actId="20577"/>
          <ac:spMkLst>
            <pc:docMk/>
            <pc:sldMk cId="1227121415" sldId="266"/>
            <ac:spMk id="19" creationId="{6524BC80-5AFD-093F-8C3C-4692B5C141E5}"/>
          </ac:spMkLst>
        </pc:spChg>
        <pc:spChg chg="add mod">
          <ac:chgData name="유경 김" userId="3901b46e510d3c7f" providerId="LiveId" clId="{5F96A6B9-E222-494D-AB08-859664078266}" dt="2024-07-24T08:12:42.815" v="3811" actId="14100"/>
          <ac:spMkLst>
            <pc:docMk/>
            <pc:sldMk cId="1227121415" sldId="266"/>
            <ac:spMk id="20" creationId="{C5452906-85C5-96CC-70B3-F9A91D7BDCCE}"/>
          </ac:spMkLst>
        </pc:spChg>
        <pc:spChg chg="add del">
          <ac:chgData name="유경 김" userId="3901b46e510d3c7f" providerId="LiveId" clId="{5F96A6B9-E222-494D-AB08-859664078266}" dt="2024-07-24T08:08:35.157" v="3749" actId="22"/>
          <ac:spMkLst>
            <pc:docMk/>
            <pc:sldMk cId="1227121415" sldId="266"/>
            <ac:spMk id="22" creationId="{D8E120CC-4B30-AEC3-4CBC-EFC75D03F33C}"/>
          </ac:spMkLst>
        </pc:spChg>
        <pc:spChg chg="add del">
          <ac:chgData name="유경 김" userId="3901b46e510d3c7f" providerId="LiveId" clId="{5F96A6B9-E222-494D-AB08-859664078266}" dt="2024-07-24T08:10:43.656" v="3764" actId="22"/>
          <ac:spMkLst>
            <pc:docMk/>
            <pc:sldMk cId="1227121415" sldId="266"/>
            <ac:spMk id="24" creationId="{5197A840-50EC-1167-E7D0-5F9CC7CD6E6A}"/>
          </ac:spMkLst>
        </pc:spChg>
        <pc:spChg chg="add mod">
          <ac:chgData name="유경 김" userId="3901b46e510d3c7f" providerId="LiveId" clId="{5F96A6B9-E222-494D-AB08-859664078266}" dt="2024-07-24T08:42:05.680" v="3956" actId="20577"/>
          <ac:spMkLst>
            <pc:docMk/>
            <pc:sldMk cId="1227121415" sldId="266"/>
            <ac:spMk id="25" creationId="{04F27289-C8D5-9C7D-7425-EC6FD1CCB20B}"/>
          </ac:spMkLst>
        </pc:spChg>
        <pc:picChg chg="add mod">
          <ac:chgData name="유경 김" userId="3901b46e510d3c7f" providerId="LiveId" clId="{5F96A6B9-E222-494D-AB08-859664078266}" dt="2024-07-24T08:06:27.605" v="3723"/>
          <ac:picMkLst>
            <pc:docMk/>
            <pc:sldMk cId="1227121415" sldId="266"/>
            <ac:picMk id="3" creationId="{1B0F6A8D-21CE-01BA-D77E-B2BFC18FDC7B}"/>
          </ac:picMkLst>
        </pc:picChg>
      </pc:sldChg>
      <pc:sldChg chg="addSp modSp new del mod ord setBg">
        <pc:chgData name="유경 김" userId="3901b46e510d3c7f" providerId="LiveId" clId="{5F96A6B9-E222-494D-AB08-859664078266}" dt="2024-07-25T11:22:49.900" v="4312" actId="2696"/>
        <pc:sldMkLst>
          <pc:docMk/>
          <pc:sldMk cId="285645512" sldId="267"/>
        </pc:sldMkLst>
        <pc:spChg chg="add mod">
          <ac:chgData name="유경 김" userId="3901b46e510d3c7f" providerId="LiveId" clId="{5F96A6B9-E222-494D-AB08-859664078266}" dt="2024-07-24T08:46:12.092" v="4008" actId="1076"/>
          <ac:spMkLst>
            <pc:docMk/>
            <pc:sldMk cId="285645512" sldId="267"/>
            <ac:spMk id="2" creationId="{0209950E-2C22-F470-D2F4-7E6690E512A7}"/>
          </ac:spMkLst>
        </pc:spChg>
        <pc:spChg chg="add mod ord">
          <ac:chgData name="유경 김" userId="3901b46e510d3c7f" providerId="LiveId" clId="{5F96A6B9-E222-494D-AB08-859664078266}" dt="2024-07-24T08:45:47.825" v="4002" actId="167"/>
          <ac:spMkLst>
            <pc:docMk/>
            <pc:sldMk cId="285645512" sldId="267"/>
            <ac:spMk id="3" creationId="{143E930B-6801-0927-8712-73FA0EE1699F}"/>
          </ac:spMkLst>
        </pc:spChg>
      </pc:sldChg>
      <pc:sldChg chg="add del">
        <pc:chgData name="유경 김" userId="3901b46e510d3c7f" providerId="LiveId" clId="{5F96A6B9-E222-494D-AB08-859664078266}" dt="2024-07-25T11:16:23.822" v="4216" actId="2696"/>
        <pc:sldMkLst>
          <pc:docMk/>
          <pc:sldMk cId="2060361692" sldId="268"/>
        </pc:sldMkLst>
      </pc:sldChg>
      <pc:sldChg chg="addSp modSp new del mod">
        <pc:chgData name="유경 김" userId="3901b46e510d3c7f" providerId="LiveId" clId="{5F96A6B9-E222-494D-AB08-859664078266}" dt="2024-07-25T11:16:27.241" v="4217" actId="2696"/>
        <pc:sldMkLst>
          <pc:docMk/>
          <pc:sldMk cId="400230555" sldId="269"/>
        </pc:sldMkLst>
        <pc:spChg chg="add mod">
          <ac:chgData name="유경 김" userId="3901b46e510d3c7f" providerId="LiveId" clId="{5F96A6B9-E222-494D-AB08-859664078266}" dt="2024-07-24T09:13:43.316" v="4128" actId="20577"/>
          <ac:spMkLst>
            <pc:docMk/>
            <pc:sldMk cId="400230555" sldId="269"/>
            <ac:spMk id="2" creationId="{88FC35B5-3D0C-6C3F-6080-1F5F53E64851}"/>
          </ac:spMkLst>
        </pc:spChg>
      </pc:sldChg>
      <pc:sldChg chg="addSp delSp modSp new mod setBg">
        <pc:chgData name="유경 김" userId="3901b46e510d3c7f" providerId="LiveId" clId="{5F96A6B9-E222-494D-AB08-859664078266}" dt="2024-07-25T11:15:47.219" v="4205"/>
        <pc:sldMkLst>
          <pc:docMk/>
          <pc:sldMk cId="3654169443" sldId="270"/>
        </pc:sldMkLst>
        <pc:spChg chg="add del mod">
          <ac:chgData name="유경 김" userId="3901b46e510d3c7f" providerId="LiveId" clId="{5F96A6B9-E222-494D-AB08-859664078266}" dt="2024-07-25T11:10:35.495" v="4165" actId="20577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10:07.796" v="4161" actId="1076"/>
          <ac:spMkLst>
            <pc:docMk/>
            <pc:sldMk cId="3654169443" sldId="270"/>
            <ac:spMk id="3" creationId="{42AC15BC-D779-EA40-C8B4-9D808B14A5B5}"/>
          </ac:spMkLst>
        </pc:spChg>
        <pc:spChg chg="add mod">
          <ac:chgData name="유경 김" userId="3901b46e510d3c7f" providerId="LiveId" clId="{5F96A6B9-E222-494D-AB08-859664078266}" dt="2024-07-25T11:10:56.385" v="4170" actId="1076"/>
          <ac:spMkLst>
            <pc:docMk/>
            <pc:sldMk cId="3654169443" sldId="270"/>
            <ac:spMk id="4" creationId="{5B9739BE-F7A6-959B-6AC0-641D66128035}"/>
          </ac:spMkLst>
        </pc:spChg>
        <pc:cxnChg chg="add mod">
          <ac:chgData name="유경 김" userId="3901b46e510d3c7f" providerId="LiveId" clId="{5F96A6B9-E222-494D-AB08-859664078266}" dt="2024-07-25T11:11:42.692" v="4174" actId="14100"/>
          <ac:cxnSpMkLst>
            <pc:docMk/>
            <pc:sldMk cId="3654169443" sldId="270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5F96A6B9-E222-494D-AB08-859664078266}" dt="2024-07-25T12:15:20.701" v="6172" actId="1076"/>
        <pc:sldMkLst>
          <pc:docMk/>
          <pc:sldMk cId="1353907540" sldId="271"/>
        </pc:sldMkLst>
        <pc:spChg chg="mod">
          <ac:chgData name="유경 김" userId="3901b46e510d3c7f" providerId="LiveId" clId="{5F96A6B9-E222-494D-AB08-859664078266}" dt="2024-07-25T11:12:12.812" v="4180" actId="20577"/>
          <ac:spMkLst>
            <pc:docMk/>
            <pc:sldMk cId="1353907540" sldId="271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2:07.417" v="4177" actId="14100"/>
          <ac:spMkLst>
            <pc:docMk/>
            <pc:sldMk cId="1353907540" sldId="271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2:15:20.701" v="6172" actId="1076"/>
          <ac:spMkLst>
            <pc:docMk/>
            <pc:sldMk cId="1353907540" sldId="271"/>
            <ac:spMk id="8" creationId="{319BE297-F725-4FBD-1211-D8130C356641}"/>
          </ac:spMkLst>
        </pc:spChg>
        <pc:cxnChg chg="mod">
          <ac:chgData name="유경 김" userId="3901b46e510d3c7f" providerId="LiveId" clId="{5F96A6B9-E222-494D-AB08-859664078266}" dt="2024-07-25T11:20:23.637" v="4304" actId="14100"/>
          <ac:cxnSpMkLst>
            <pc:docMk/>
            <pc:sldMk cId="1353907540" sldId="271"/>
            <ac:cxnSpMk id="6" creationId="{11402835-398F-FB44-68ED-EC2F802BD562}"/>
          </ac:cxnSpMkLst>
        </pc:cxnChg>
      </pc:sldChg>
      <pc:sldChg chg="addSp delSp modSp add del mod">
        <pc:chgData name="유경 김" userId="3901b46e510d3c7f" providerId="LiveId" clId="{5F96A6B9-E222-494D-AB08-859664078266}" dt="2024-07-25T11:44:04.945" v="5895" actId="2696"/>
        <pc:sldMkLst>
          <pc:docMk/>
          <pc:sldMk cId="2597538784" sldId="272"/>
        </pc:sldMkLst>
        <pc:spChg chg="mod">
          <ac:chgData name="유경 김" userId="3901b46e510d3c7f" providerId="LiveId" clId="{5F96A6B9-E222-494D-AB08-859664078266}" dt="2024-07-25T11:23:56.304" v="4328" actId="1076"/>
          <ac:spMkLst>
            <pc:docMk/>
            <pc:sldMk cId="2597538784" sldId="272"/>
            <ac:spMk id="2" creationId="{FE12E6A2-8182-E608-8ADC-1CD3DB8E51D9}"/>
          </ac:spMkLst>
        </pc:spChg>
        <pc:spChg chg="mod">
          <ac:chgData name="유경 김" userId="3901b46e510d3c7f" providerId="LiveId" clId="{5F96A6B9-E222-494D-AB08-859664078266}" dt="2024-07-25T11:14:02.252" v="4184" actId="20577"/>
          <ac:spMkLst>
            <pc:docMk/>
            <pc:sldMk cId="2597538784" sldId="272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20:12.432" v="4302"/>
          <ac:spMkLst>
            <pc:docMk/>
            <pc:sldMk cId="2597538784" sldId="272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1:28:21.821" v="4710" actId="207"/>
          <ac:spMkLst>
            <pc:docMk/>
            <pc:sldMk cId="2597538784" sldId="272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24:07.730" v="4331" actId="1076"/>
          <ac:spMkLst>
            <pc:docMk/>
            <pc:sldMk cId="2597538784" sldId="272"/>
            <ac:spMk id="9" creationId="{688645D1-B71B-F010-F1D6-468520514BA9}"/>
          </ac:spMkLst>
        </pc:spChg>
        <pc:spChg chg="add mod">
          <ac:chgData name="유경 김" userId="3901b46e510d3c7f" providerId="LiveId" clId="{5F96A6B9-E222-494D-AB08-859664078266}" dt="2024-07-25T11:24:16.904" v="4333" actId="1076"/>
          <ac:spMkLst>
            <pc:docMk/>
            <pc:sldMk cId="2597538784" sldId="272"/>
            <ac:spMk id="10" creationId="{B7D1B98A-9B18-6E87-1194-59B88F53E0FE}"/>
          </ac:spMkLst>
        </pc:spChg>
        <pc:spChg chg="add mod">
          <ac:chgData name="유경 김" userId="3901b46e510d3c7f" providerId="LiveId" clId="{5F96A6B9-E222-494D-AB08-859664078266}" dt="2024-07-25T11:24:24.721" v="4334" actId="1076"/>
          <ac:spMkLst>
            <pc:docMk/>
            <pc:sldMk cId="2597538784" sldId="272"/>
            <ac:spMk id="11" creationId="{0B3615BB-FC5C-41BE-8EA6-AED922EA2D9B}"/>
          </ac:spMkLst>
        </pc:spChg>
        <pc:spChg chg="add mod">
          <ac:chgData name="유경 김" userId="3901b46e510d3c7f" providerId="LiveId" clId="{5F96A6B9-E222-494D-AB08-859664078266}" dt="2024-07-25T11:26:41.142" v="4591" actId="1076"/>
          <ac:spMkLst>
            <pc:docMk/>
            <pc:sldMk cId="2597538784" sldId="272"/>
            <ac:spMk id="12" creationId="{2C8853A7-4E9A-32AD-F764-C6A428B50E68}"/>
          </ac:spMkLst>
        </pc:spChg>
        <pc:spChg chg="add mod">
          <ac:chgData name="유경 김" userId="3901b46e510d3c7f" providerId="LiveId" clId="{5F96A6B9-E222-494D-AB08-859664078266}" dt="2024-07-25T11:26:40.273" v="4588" actId="1076"/>
          <ac:spMkLst>
            <pc:docMk/>
            <pc:sldMk cId="2597538784" sldId="272"/>
            <ac:spMk id="13" creationId="{F410DCC4-A8A9-9DCB-056F-AA7F9B1DB15B}"/>
          </ac:spMkLst>
        </pc:spChg>
        <pc:spChg chg="add mod">
          <ac:chgData name="유경 김" userId="3901b46e510d3c7f" providerId="LiveId" clId="{5F96A6B9-E222-494D-AB08-859664078266}" dt="2024-07-25T11:26:40.638" v="4590" actId="1076"/>
          <ac:spMkLst>
            <pc:docMk/>
            <pc:sldMk cId="2597538784" sldId="272"/>
            <ac:spMk id="14" creationId="{B32B244D-0B1D-8F35-4835-01CE6E831F78}"/>
          </ac:spMkLst>
        </pc:spChg>
        <pc:spChg chg="add mod">
          <ac:chgData name="유경 김" userId="3901b46e510d3c7f" providerId="LiveId" clId="{5F96A6B9-E222-494D-AB08-859664078266}" dt="2024-07-25T11:28:31.326" v="4712" actId="1076"/>
          <ac:spMkLst>
            <pc:docMk/>
            <pc:sldMk cId="2597538784" sldId="272"/>
            <ac:spMk id="16" creationId="{DA887D9A-3474-6F6A-4DE0-868637B33D72}"/>
          </ac:spMkLst>
        </pc:spChg>
        <pc:spChg chg="add mod">
          <ac:chgData name="유경 김" userId="3901b46e510d3c7f" providerId="LiveId" clId="{5F96A6B9-E222-494D-AB08-859664078266}" dt="2024-07-25T11:28:34.358" v="4714" actId="1076"/>
          <ac:spMkLst>
            <pc:docMk/>
            <pc:sldMk cId="2597538784" sldId="272"/>
            <ac:spMk id="17" creationId="{8F5D1783-1BF7-5CD6-FF02-3A8C461F3232}"/>
          </ac:spMkLst>
        </pc:spChg>
        <pc:spChg chg="add mod">
          <ac:chgData name="유경 김" userId="3901b46e510d3c7f" providerId="LiveId" clId="{5F96A6B9-E222-494D-AB08-859664078266}" dt="2024-07-25T11:28:37.714" v="4716" actId="1076"/>
          <ac:spMkLst>
            <pc:docMk/>
            <pc:sldMk cId="2597538784" sldId="272"/>
            <ac:spMk id="18" creationId="{86A57CE6-E9C1-F455-7E1D-3503C6D0D7F3}"/>
          </ac:spMkLst>
        </pc:spChg>
        <pc:spChg chg="add mod">
          <ac:chgData name="유경 김" userId="3901b46e510d3c7f" providerId="LiveId" clId="{5F96A6B9-E222-494D-AB08-859664078266}" dt="2024-07-25T11:30:57.736" v="4800" actId="1076"/>
          <ac:spMkLst>
            <pc:docMk/>
            <pc:sldMk cId="2597538784" sldId="272"/>
            <ac:spMk id="19" creationId="{A24E508F-E3BE-DDD8-E2E1-2556FCC4304B}"/>
          </ac:spMkLst>
        </pc:spChg>
        <pc:spChg chg="add mod">
          <ac:chgData name="유경 김" userId="3901b46e510d3c7f" providerId="LiveId" clId="{5F96A6B9-E222-494D-AB08-859664078266}" dt="2024-07-25T11:31:01.316" v="4801" actId="1076"/>
          <ac:spMkLst>
            <pc:docMk/>
            <pc:sldMk cId="2597538784" sldId="272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31:44.683" v="4812" actId="1076"/>
          <ac:spMkLst>
            <pc:docMk/>
            <pc:sldMk cId="2597538784" sldId="272"/>
            <ac:spMk id="21" creationId="{A998DF30-8F54-4D79-35A2-B08924D5F06E}"/>
          </ac:spMkLst>
        </pc:spChg>
        <pc:spChg chg="add mod">
          <ac:chgData name="유경 김" userId="3901b46e510d3c7f" providerId="LiveId" clId="{5F96A6B9-E222-494D-AB08-859664078266}" dt="2024-07-25T11:30:07.434" v="4766"/>
          <ac:spMkLst>
            <pc:docMk/>
            <pc:sldMk cId="2597538784" sldId="272"/>
            <ac:spMk id="22" creationId="{BF0421CD-DA2D-4351-E927-93092E91A6BE}"/>
          </ac:spMkLst>
        </pc:spChg>
        <pc:spChg chg="add mod">
          <ac:chgData name="유경 김" userId="3901b46e510d3c7f" providerId="LiveId" clId="{5F96A6B9-E222-494D-AB08-859664078266}" dt="2024-07-25T11:30:27.872" v="4781"/>
          <ac:spMkLst>
            <pc:docMk/>
            <pc:sldMk cId="2597538784" sldId="272"/>
            <ac:spMk id="23" creationId="{F2089236-827B-BFA0-0F1E-66B463984BEA}"/>
          </ac:spMkLst>
        </pc:spChg>
        <pc:spChg chg="add mod">
          <ac:chgData name="유경 김" userId="3901b46e510d3c7f" providerId="LiveId" clId="{5F96A6B9-E222-494D-AB08-859664078266}" dt="2024-07-25T11:32:22.720" v="4846" actId="1076"/>
          <ac:spMkLst>
            <pc:docMk/>
            <pc:sldMk cId="2597538784" sldId="272"/>
            <ac:spMk id="24" creationId="{E6F9E4CC-FBDD-CBB4-E827-65344BFFA420}"/>
          </ac:spMkLst>
        </pc:spChg>
        <pc:spChg chg="add mod">
          <ac:chgData name="유경 김" userId="3901b46e510d3c7f" providerId="LiveId" clId="{5F96A6B9-E222-494D-AB08-859664078266}" dt="2024-07-25T11:32:33.508" v="4849" actId="1076"/>
          <ac:spMkLst>
            <pc:docMk/>
            <pc:sldMk cId="2597538784" sldId="272"/>
            <ac:spMk id="25" creationId="{62E82EC8-24D6-85F9-D04D-E3E7A1ADAA26}"/>
          </ac:spMkLst>
        </pc:spChg>
        <pc:spChg chg="add mod">
          <ac:chgData name="유경 김" userId="3901b46e510d3c7f" providerId="LiveId" clId="{5F96A6B9-E222-494D-AB08-859664078266}" dt="2024-07-25T11:30:12.537" v="4770"/>
          <ac:spMkLst>
            <pc:docMk/>
            <pc:sldMk cId="2597538784" sldId="272"/>
            <ac:spMk id="26" creationId="{31B9DACD-E0BD-7F33-928C-B57CFA03C292}"/>
          </ac:spMkLst>
        </pc:spChg>
        <pc:spChg chg="add mod">
          <ac:chgData name="유경 김" userId="3901b46e510d3c7f" providerId="LiveId" clId="{5F96A6B9-E222-494D-AB08-859664078266}" dt="2024-07-25T11:32:12.291" v="4844" actId="1076"/>
          <ac:spMkLst>
            <pc:docMk/>
            <pc:sldMk cId="2597538784" sldId="272"/>
            <ac:spMk id="32" creationId="{67D3C38F-142B-1654-DC68-46C41A28D847}"/>
          </ac:spMkLst>
        </pc:spChg>
        <pc:spChg chg="add mod">
          <ac:chgData name="유경 김" userId="3901b46e510d3c7f" providerId="LiveId" clId="{5F96A6B9-E222-494D-AB08-859664078266}" dt="2024-07-25T11:32:25.639" v="4848" actId="1076"/>
          <ac:spMkLst>
            <pc:docMk/>
            <pc:sldMk cId="2597538784" sldId="272"/>
            <ac:spMk id="33" creationId="{AF1203FA-5BF0-6505-AE30-3642AF446638}"/>
          </ac:spMkLst>
        </pc:spChg>
        <pc:picChg chg="add del mod">
          <ac:chgData name="유경 김" userId="3901b46e510d3c7f" providerId="LiveId" clId="{5F96A6B9-E222-494D-AB08-859664078266}" dt="2024-07-25T11:27:48.869" v="4606" actId="21"/>
          <ac:picMkLst>
            <pc:docMk/>
            <pc:sldMk cId="2597538784" sldId="272"/>
            <ac:picMk id="15" creationId="{E12083E2-BB41-AE08-1E10-2E0A6C9F12F4}"/>
          </ac:picMkLst>
        </pc:picChg>
        <pc:cxnChg chg="mod">
          <ac:chgData name="유경 김" userId="3901b46e510d3c7f" providerId="LiveId" clId="{5F96A6B9-E222-494D-AB08-859664078266}" dt="2024-07-25T11:20:14.483" v="4303" actId="14100"/>
          <ac:cxnSpMkLst>
            <pc:docMk/>
            <pc:sldMk cId="2597538784" sldId="272"/>
            <ac:cxnSpMk id="6" creationId="{11402835-398F-FB44-68ED-EC2F802BD562}"/>
          </ac:cxnSpMkLst>
        </pc:cxnChg>
        <pc:cxnChg chg="add mod">
          <ac:chgData name="유경 김" userId="3901b46e510d3c7f" providerId="LiveId" clId="{5F96A6B9-E222-494D-AB08-859664078266}" dt="2024-07-25T11:31:18.910" v="4806" actId="692"/>
          <ac:cxnSpMkLst>
            <pc:docMk/>
            <pc:sldMk cId="2597538784" sldId="272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31:37.705" v="4811" actId="1076"/>
          <ac:cxnSpMkLst>
            <pc:docMk/>
            <pc:sldMk cId="2597538784" sldId="272"/>
            <ac:cxnSpMk id="29" creationId="{B6702564-EAFF-DF91-03D1-0070BA3ED50B}"/>
          </ac:cxnSpMkLst>
        </pc:cxnChg>
        <pc:cxnChg chg="add mod">
          <ac:chgData name="유경 김" userId="3901b46e510d3c7f" providerId="LiveId" clId="{5F96A6B9-E222-494D-AB08-859664078266}" dt="2024-07-25T11:31:34.344" v="4810" actId="1076"/>
          <ac:cxnSpMkLst>
            <pc:docMk/>
            <pc:sldMk cId="2597538784" sldId="272"/>
            <ac:cxnSpMk id="30" creationId="{0E3017DF-7CEF-68CE-7202-D0B50ECF83F8}"/>
          </ac:cxnSpMkLst>
        </pc:cxnChg>
        <pc:cxnChg chg="add mod">
          <ac:chgData name="유경 김" userId="3901b46e510d3c7f" providerId="LiveId" clId="{5F96A6B9-E222-494D-AB08-859664078266}" dt="2024-07-25T11:31:22.619" v="4807" actId="692"/>
          <ac:cxnSpMkLst>
            <pc:docMk/>
            <pc:sldMk cId="2597538784" sldId="272"/>
            <ac:cxnSpMk id="31" creationId="{FB398985-58D7-EB7E-ACA4-68C1A6A42731}"/>
          </ac:cxnSpMkLst>
        </pc:cxnChg>
      </pc:sldChg>
      <pc:sldChg chg="modSp add mod">
        <pc:chgData name="유경 김" userId="3901b46e510d3c7f" providerId="LiveId" clId="{5F96A6B9-E222-494D-AB08-859664078266}" dt="2024-07-25T11:19:53.877" v="4279" actId="14100"/>
        <pc:sldMkLst>
          <pc:docMk/>
          <pc:sldMk cId="3540325167" sldId="273"/>
        </pc:sldMkLst>
        <pc:spChg chg="mod">
          <ac:chgData name="유경 김" userId="3901b46e510d3c7f" providerId="LiveId" clId="{5F96A6B9-E222-494D-AB08-859664078266}" dt="2024-07-25T11:14:37.635" v="4191" actId="20577"/>
          <ac:spMkLst>
            <pc:docMk/>
            <pc:sldMk cId="3540325167" sldId="273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9:49.160" v="4278" actId="20577"/>
          <ac:spMkLst>
            <pc:docMk/>
            <pc:sldMk cId="3540325167" sldId="273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9:53.877" v="4279" actId="14100"/>
          <ac:cxnSpMkLst>
            <pc:docMk/>
            <pc:sldMk cId="3540325167" sldId="273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4:57.553" v="4197" actId="20577"/>
        <pc:sldMkLst>
          <pc:docMk/>
          <pc:sldMk cId="3426547522" sldId="274"/>
        </pc:sldMkLst>
        <pc:spChg chg="mod">
          <ac:chgData name="유경 김" userId="3901b46e510d3c7f" providerId="LiveId" clId="{5F96A6B9-E222-494D-AB08-859664078266}" dt="2024-07-25T11:14:57.553" v="4197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4:52.074" v="4194"/>
          <ac:spMkLst>
            <pc:docMk/>
            <pc:sldMk cId="3426547522" sldId="274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4:55.666" v="4195" actId="14100"/>
          <ac:cxnSpMkLst>
            <pc:docMk/>
            <pc:sldMk cId="3426547522" sldId="274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5:12.899" v="4201" actId="14100"/>
        <pc:sldMkLst>
          <pc:docMk/>
          <pc:sldMk cId="512713613" sldId="275"/>
        </pc:sldMkLst>
        <pc:spChg chg="mod">
          <ac:chgData name="유경 김" userId="3901b46e510d3c7f" providerId="LiveId" clId="{5F96A6B9-E222-494D-AB08-859664078266}" dt="2024-07-25T11:15:00.685" v="4199" actId="20577"/>
          <ac:spMkLst>
            <pc:docMk/>
            <pc:sldMk cId="512713613" sldId="275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5:08.567" v="4200"/>
          <ac:spMkLst>
            <pc:docMk/>
            <pc:sldMk cId="512713613" sldId="275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5:12.899" v="4201" actId="14100"/>
          <ac:cxnSpMkLst>
            <pc:docMk/>
            <pc:sldMk cId="512713613" sldId="275"/>
            <ac:cxnSpMk id="6" creationId="{11402835-398F-FB44-68ED-EC2F802BD562}"/>
          </ac:cxnSpMkLst>
        </pc:cxnChg>
      </pc:sldChg>
      <pc:sldChg chg="addSp delSp modSp add mod">
        <pc:chgData name="유경 김" userId="3901b46e510d3c7f" providerId="LiveId" clId="{5F96A6B9-E222-494D-AB08-859664078266}" dt="2024-07-25T11:21:18.725" v="4311" actId="1076"/>
        <pc:sldMkLst>
          <pc:docMk/>
          <pc:sldMk cId="1761781188" sldId="276"/>
        </pc:sldMkLst>
        <pc:spChg chg="mod">
          <ac:chgData name="유경 김" userId="3901b46e510d3c7f" providerId="LiveId" clId="{5F96A6B9-E222-494D-AB08-859664078266}" dt="2024-07-25T11:18:46.068" v="4224" actId="1076"/>
          <ac:spMkLst>
            <pc:docMk/>
            <pc:sldMk cId="1761781188" sldId="276"/>
            <ac:spMk id="4" creationId="{5B9739BE-F7A6-959B-6AC0-641D66128035}"/>
          </ac:spMkLst>
        </pc:spChg>
        <pc:spChg chg="add del mod">
          <ac:chgData name="유경 김" userId="3901b46e510d3c7f" providerId="LiveId" clId="{5F96A6B9-E222-494D-AB08-859664078266}" dt="2024-07-25T11:19:23.692" v="4229" actId="21"/>
          <ac:spMkLst>
            <pc:docMk/>
            <pc:sldMk cId="1761781188" sldId="276"/>
            <ac:spMk id="7" creationId="{B81BA6DB-0080-E202-E344-2F40DB61C7AE}"/>
          </ac:spMkLst>
        </pc:spChg>
        <pc:spChg chg="add mod">
          <ac:chgData name="유경 김" userId="3901b46e510d3c7f" providerId="LiveId" clId="{5F96A6B9-E222-494D-AB08-859664078266}" dt="2024-07-25T11:21:18.725" v="4311" actId="1076"/>
          <ac:spMkLst>
            <pc:docMk/>
            <pc:sldMk cId="1761781188" sldId="276"/>
            <ac:spMk id="8" creationId="{0DF40BD4-E747-E574-BBA2-F98983B384F2}"/>
          </ac:spMkLst>
        </pc:spChg>
      </pc:sldChg>
      <pc:sldChg chg="addSp delSp modSp add mod">
        <pc:chgData name="유경 김" userId="3901b46e510d3c7f" providerId="LiveId" clId="{5F96A6B9-E222-494D-AB08-859664078266}" dt="2024-07-25T11:44:00.225" v="5894" actId="1076"/>
        <pc:sldMkLst>
          <pc:docMk/>
          <pc:sldMk cId="519004451" sldId="277"/>
        </pc:sldMkLst>
        <pc:spChg chg="ord">
          <ac:chgData name="유경 김" userId="3901b46e510d3c7f" providerId="LiveId" clId="{5F96A6B9-E222-494D-AB08-859664078266}" dt="2024-07-25T11:38:38.040" v="5730" actId="166"/>
          <ac:spMkLst>
            <pc:docMk/>
            <pc:sldMk cId="519004451" sldId="277"/>
            <ac:spMk id="2" creationId="{FE12E6A2-8182-E608-8ADC-1CD3DB8E51D9}"/>
          </ac:spMkLst>
        </pc:spChg>
        <pc:spChg chg="add del mod">
          <ac:chgData name="유경 김" userId="3901b46e510d3c7f" providerId="LiveId" clId="{5F96A6B9-E222-494D-AB08-859664078266}" dt="2024-07-25T11:37:20.251" v="5720" actId="21"/>
          <ac:spMkLst>
            <pc:docMk/>
            <pc:sldMk cId="519004451" sldId="277"/>
            <ac:spMk id="5" creationId="{A2196556-5A0A-9A03-E79C-7D44CE97E7A6}"/>
          </ac:spMkLst>
        </pc:spChg>
        <pc:spChg chg="add mod ord">
          <ac:chgData name="유경 김" userId="3901b46e510d3c7f" providerId="LiveId" clId="{5F96A6B9-E222-494D-AB08-859664078266}" dt="2024-07-25T11:38:33.121" v="5728" actId="167"/>
          <ac:spMkLst>
            <pc:docMk/>
            <pc:sldMk cId="519004451" sldId="277"/>
            <ac:spMk id="7" creationId="{916550D3-037F-AD81-EB0D-99B05EC3EDBD}"/>
          </ac:spMkLst>
        </pc:spChg>
        <pc:spChg chg="mod ord">
          <ac:chgData name="유경 김" userId="3901b46e510d3c7f" providerId="LiveId" clId="{5F96A6B9-E222-494D-AB08-859664078266}" dt="2024-07-25T11:39:16.085" v="5736" actId="167"/>
          <ac:spMkLst>
            <pc:docMk/>
            <pc:sldMk cId="519004451" sldId="277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40:00.806" v="5749" actId="1076"/>
          <ac:spMkLst>
            <pc:docMk/>
            <pc:sldMk cId="519004451" sldId="277"/>
            <ac:spMk id="12" creationId="{B920452C-4DC6-5077-45E1-20F6E6D15333}"/>
          </ac:spMkLst>
        </pc:spChg>
        <pc:spChg chg="add mod">
          <ac:chgData name="유경 김" userId="3901b46e510d3c7f" providerId="LiveId" clId="{5F96A6B9-E222-494D-AB08-859664078266}" dt="2024-07-25T11:40:20.041" v="5766" actId="207"/>
          <ac:spMkLst>
            <pc:docMk/>
            <pc:sldMk cId="519004451" sldId="277"/>
            <ac:spMk id="15" creationId="{2E253FEF-C7F9-876A-09D7-FF01CCC1647F}"/>
          </ac:spMkLst>
        </pc:spChg>
        <pc:spChg chg="mod">
          <ac:chgData name="유경 김" userId="3901b46e510d3c7f" providerId="LiveId" clId="{5F96A6B9-E222-494D-AB08-859664078266}" dt="2024-07-25T11:41:01.631" v="5780" actId="207"/>
          <ac:spMkLst>
            <pc:docMk/>
            <pc:sldMk cId="519004451" sldId="277"/>
            <ac:spMk id="16" creationId="{DA887D9A-3474-6F6A-4DE0-868637B33D72}"/>
          </ac:spMkLst>
        </pc:spChg>
        <pc:spChg chg="mod">
          <ac:chgData name="유경 김" userId="3901b46e510d3c7f" providerId="LiveId" clId="{5F96A6B9-E222-494D-AB08-859664078266}" dt="2024-07-25T11:41:07.087" v="5781" actId="207"/>
          <ac:spMkLst>
            <pc:docMk/>
            <pc:sldMk cId="519004451" sldId="277"/>
            <ac:spMk id="17" creationId="{8F5D1783-1BF7-5CD6-FF02-3A8C461F3232}"/>
          </ac:spMkLst>
        </pc:spChg>
        <pc:spChg chg="mod">
          <ac:chgData name="유경 김" userId="3901b46e510d3c7f" providerId="LiveId" clId="{5F96A6B9-E222-494D-AB08-859664078266}" dt="2024-07-25T11:41:08.741" v="5782" actId="207"/>
          <ac:spMkLst>
            <pc:docMk/>
            <pc:sldMk cId="519004451" sldId="277"/>
            <ac:spMk id="18" creationId="{86A57CE6-E9C1-F455-7E1D-3503C6D0D7F3}"/>
          </ac:spMkLst>
        </pc:spChg>
        <pc:spChg chg="mod">
          <ac:chgData name="유경 김" userId="3901b46e510d3c7f" providerId="LiveId" clId="{5F96A6B9-E222-494D-AB08-859664078266}" dt="2024-07-25T11:35:14.939" v="5445" actId="207"/>
          <ac:spMkLst>
            <pc:docMk/>
            <pc:sldMk cId="519004451" sldId="277"/>
            <ac:spMk id="19" creationId="{A24E508F-E3BE-DDD8-E2E1-2556FCC4304B}"/>
          </ac:spMkLst>
        </pc:spChg>
        <pc:spChg chg="mod">
          <ac:chgData name="유경 김" userId="3901b46e510d3c7f" providerId="LiveId" clId="{5F96A6B9-E222-494D-AB08-859664078266}" dt="2024-07-25T11:35:18.812" v="5446" actId="207"/>
          <ac:spMkLst>
            <pc:docMk/>
            <pc:sldMk cId="519004451" sldId="277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40:33.684" v="5777" actId="207"/>
          <ac:spMkLst>
            <pc:docMk/>
            <pc:sldMk cId="519004451" sldId="277"/>
            <ac:spMk id="22" creationId="{F4585712-3FA7-C781-837F-BBC232142067}"/>
          </ac:spMkLst>
        </pc:spChg>
        <pc:spChg chg="add mod">
          <ac:chgData name="유경 김" userId="3901b46e510d3c7f" providerId="LiveId" clId="{5F96A6B9-E222-494D-AB08-859664078266}" dt="2024-07-25T11:40:57.829" v="5779" actId="1076"/>
          <ac:spMkLst>
            <pc:docMk/>
            <pc:sldMk cId="519004451" sldId="277"/>
            <ac:spMk id="26" creationId="{EBC819FC-D760-2BE2-0BB2-93502E2A912B}"/>
          </ac:spMkLst>
        </pc:spChg>
        <pc:spChg chg="add mod">
          <ac:chgData name="유경 김" userId="3901b46e510d3c7f" providerId="LiveId" clId="{5F96A6B9-E222-494D-AB08-859664078266}" dt="2024-07-25T11:41:17.821" v="5785" actId="1076"/>
          <ac:spMkLst>
            <pc:docMk/>
            <pc:sldMk cId="519004451" sldId="277"/>
            <ac:spMk id="27" creationId="{918D4D66-C28A-680E-51F5-F4D06F5F3CCD}"/>
          </ac:spMkLst>
        </pc:spChg>
        <pc:spChg chg="add mod">
          <ac:chgData name="유경 김" userId="3901b46e510d3c7f" providerId="LiveId" clId="{5F96A6B9-E222-494D-AB08-859664078266}" dt="2024-07-25T11:41:24.019" v="5787" actId="1076"/>
          <ac:spMkLst>
            <pc:docMk/>
            <pc:sldMk cId="519004451" sldId="277"/>
            <ac:spMk id="34" creationId="{B84EEC09-FAAB-93A6-B0B4-696093083F5B}"/>
          </ac:spMkLst>
        </pc:spChg>
        <pc:spChg chg="add mod">
          <ac:chgData name="유경 김" userId="3901b46e510d3c7f" providerId="LiveId" clId="{5F96A6B9-E222-494D-AB08-859664078266}" dt="2024-07-25T11:42:27.250" v="5812" actId="20577"/>
          <ac:spMkLst>
            <pc:docMk/>
            <pc:sldMk cId="519004451" sldId="277"/>
            <ac:spMk id="38" creationId="{BBF6CCFC-FBFA-F780-335F-AE564417FFAF}"/>
          </ac:spMkLst>
        </pc:spChg>
        <pc:spChg chg="add mod">
          <ac:chgData name="유경 김" userId="3901b46e510d3c7f" providerId="LiveId" clId="{5F96A6B9-E222-494D-AB08-859664078266}" dt="2024-07-25T11:42:47.917" v="5825" actId="20577"/>
          <ac:spMkLst>
            <pc:docMk/>
            <pc:sldMk cId="519004451" sldId="277"/>
            <ac:spMk id="39" creationId="{EBE1EEA0-D9A8-A30B-31D8-DA6B1514F6EA}"/>
          </ac:spMkLst>
        </pc:spChg>
        <pc:spChg chg="add mod">
          <ac:chgData name="유경 김" userId="3901b46e510d3c7f" providerId="LiveId" clId="{5F96A6B9-E222-494D-AB08-859664078266}" dt="2024-07-25T11:42:50.438" v="5836" actId="20577"/>
          <ac:spMkLst>
            <pc:docMk/>
            <pc:sldMk cId="519004451" sldId="277"/>
            <ac:spMk id="40" creationId="{2BA11B89-997A-4152-5C5B-50BF77492235}"/>
          </ac:spMkLst>
        </pc:spChg>
        <pc:spChg chg="add mod">
          <ac:chgData name="유경 김" userId="3901b46e510d3c7f" providerId="LiveId" clId="{5F96A6B9-E222-494D-AB08-859664078266}" dt="2024-07-25T11:42:51.363" v="5837"/>
          <ac:spMkLst>
            <pc:docMk/>
            <pc:sldMk cId="519004451" sldId="277"/>
            <ac:spMk id="41" creationId="{4A150A8B-84D5-0373-D9FD-4E83B08F4CCB}"/>
          </ac:spMkLst>
        </pc:spChg>
        <pc:spChg chg="add mod">
          <ac:chgData name="유경 김" userId="3901b46e510d3c7f" providerId="LiveId" clId="{5F96A6B9-E222-494D-AB08-859664078266}" dt="2024-07-25T11:42:51.805" v="5838"/>
          <ac:spMkLst>
            <pc:docMk/>
            <pc:sldMk cId="519004451" sldId="277"/>
            <ac:spMk id="42" creationId="{A5639803-39DD-D2C4-BE69-0AE2C571488F}"/>
          </ac:spMkLst>
        </pc:spChg>
        <pc:spChg chg="add mod">
          <ac:chgData name="유경 김" userId="3901b46e510d3c7f" providerId="LiveId" clId="{5F96A6B9-E222-494D-AB08-859664078266}" dt="2024-07-25T11:43:21.263" v="5854"/>
          <ac:spMkLst>
            <pc:docMk/>
            <pc:sldMk cId="519004451" sldId="277"/>
            <ac:spMk id="43" creationId="{6623732F-FB65-B713-6C2A-5532FBB28673}"/>
          </ac:spMkLst>
        </pc:spChg>
        <pc:spChg chg="add mod">
          <ac:chgData name="유경 김" userId="3901b46e510d3c7f" providerId="LiveId" clId="{5F96A6B9-E222-494D-AB08-859664078266}" dt="2024-07-25T11:43:23.438" v="5862"/>
          <ac:spMkLst>
            <pc:docMk/>
            <pc:sldMk cId="519004451" sldId="277"/>
            <ac:spMk id="44" creationId="{0F5994A0-DD53-47B8-546B-99CF003AD8B7}"/>
          </ac:spMkLst>
        </pc:spChg>
        <pc:spChg chg="add mod">
          <ac:chgData name="유경 김" userId="3901b46e510d3c7f" providerId="LiveId" clId="{5F96A6B9-E222-494D-AB08-859664078266}" dt="2024-07-25T11:43:28.938" v="5872"/>
          <ac:spMkLst>
            <pc:docMk/>
            <pc:sldMk cId="519004451" sldId="277"/>
            <ac:spMk id="45" creationId="{33EBAED0-05BF-68C5-FAF8-431B72FE7F65}"/>
          </ac:spMkLst>
        </pc:spChg>
        <pc:spChg chg="add mod">
          <ac:chgData name="유경 김" userId="3901b46e510d3c7f" providerId="LiveId" clId="{5F96A6B9-E222-494D-AB08-859664078266}" dt="2024-07-25T11:43:53.944" v="5892" actId="1076"/>
          <ac:spMkLst>
            <pc:docMk/>
            <pc:sldMk cId="519004451" sldId="277"/>
            <ac:spMk id="46" creationId="{058FEFC8-7513-E91A-8D4E-73D2CBBC83D8}"/>
          </ac:spMkLst>
        </pc:spChg>
        <pc:spChg chg="add mod">
          <ac:chgData name="유경 김" userId="3901b46e510d3c7f" providerId="LiveId" clId="{5F96A6B9-E222-494D-AB08-859664078266}" dt="2024-07-25T11:44:00.225" v="5894" actId="1076"/>
          <ac:spMkLst>
            <pc:docMk/>
            <pc:sldMk cId="519004451" sldId="277"/>
            <ac:spMk id="47" creationId="{05AC235E-5EE7-0934-B47A-E5735E8AC92B}"/>
          </ac:spMkLst>
        </pc:spChg>
        <pc:cxnChg chg="add mod">
          <ac:chgData name="유경 김" userId="3901b46e510d3c7f" providerId="LiveId" clId="{5F96A6B9-E222-494D-AB08-859664078266}" dt="2024-07-25T11:39:51.778" v="5745" actId="14100"/>
          <ac:cxnSpMkLst>
            <pc:docMk/>
            <pc:sldMk cId="519004451" sldId="277"/>
            <ac:cxnSpMk id="13" creationId="{30D80BE1-0C5B-D40C-377B-554EBA530FD1}"/>
          </ac:cxnSpMkLst>
        </pc:cxnChg>
        <pc:cxnChg chg="mod">
          <ac:chgData name="유경 김" userId="3901b46e510d3c7f" providerId="LiveId" clId="{5F96A6B9-E222-494D-AB08-859664078266}" dt="2024-07-25T11:35:23.718" v="5447" actId="692"/>
          <ac:cxnSpMkLst>
            <pc:docMk/>
            <pc:sldMk cId="519004451" sldId="277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41:35.989" v="5790" actId="1076"/>
          <ac:cxnSpMkLst>
            <pc:docMk/>
            <pc:sldMk cId="519004451" sldId="277"/>
            <ac:cxnSpMk id="35" creationId="{D54FA2AF-0EF2-4F2D-4F94-A356665293F7}"/>
          </ac:cxnSpMkLst>
        </pc:cxnChg>
        <pc:cxnChg chg="add mod">
          <ac:chgData name="유경 김" userId="3901b46e510d3c7f" providerId="LiveId" clId="{5F96A6B9-E222-494D-AB08-859664078266}" dt="2024-07-25T11:41:41.908" v="5792" actId="1076"/>
          <ac:cxnSpMkLst>
            <pc:docMk/>
            <pc:sldMk cId="519004451" sldId="277"/>
            <ac:cxnSpMk id="36" creationId="{EFACF521-3ACE-E9A7-6001-3D23ADBD1315}"/>
          </ac:cxnSpMkLst>
        </pc:cxnChg>
        <pc:cxnChg chg="add mod">
          <ac:chgData name="유경 김" userId="3901b46e510d3c7f" providerId="LiveId" clId="{5F96A6B9-E222-494D-AB08-859664078266}" dt="2024-07-25T11:41:46.968" v="5794" actId="1076"/>
          <ac:cxnSpMkLst>
            <pc:docMk/>
            <pc:sldMk cId="519004451" sldId="277"/>
            <ac:cxnSpMk id="37" creationId="{8F0557A4-7F8B-0BEA-146D-76D8119B4450}"/>
          </ac:cxnSpMkLst>
        </pc:cxnChg>
      </pc:sldChg>
      <pc:sldChg chg="addSp delSp modSp add mod ord">
        <pc:chgData name="유경 김" userId="3901b46e510d3c7f" providerId="LiveId" clId="{5F96A6B9-E222-494D-AB08-859664078266}" dt="2024-07-25T12:15:26.105" v="6173" actId="21"/>
        <pc:sldMkLst>
          <pc:docMk/>
          <pc:sldMk cId="3183725130" sldId="278"/>
        </pc:sldMkLst>
        <pc:spChg chg="add del mod">
          <ac:chgData name="유경 김" userId="3901b46e510d3c7f" providerId="LiveId" clId="{5F96A6B9-E222-494D-AB08-859664078266}" dt="2024-07-25T11:46:05.404" v="5902" actId="1076"/>
          <ac:spMkLst>
            <pc:docMk/>
            <pc:sldMk cId="3183725130" sldId="278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45:42.171" v="5897"/>
          <ac:spMkLst>
            <pc:docMk/>
            <pc:sldMk cId="3183725130" sldId="278"/>
            <ac:spMk id="5" creationId="{F101EA2A-2A71-545F-5078-74F8EE9D79F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7" creationId="{A41E5167-5B19-C1A9-42A2-DCF108424D9A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9" creationId="{787C5F54-2708-4A1C-D9C2-28B79E2F6A6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0" creationId="{575938C4-79BA-F665-9BC9-A128763340E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1" creationId="{EC086B91-F869-469E-04C4-2590E4220068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2" creationId="{EB048EDE-9460-1C5C-6BDB-F23DF13A206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3" creationId="{575428E1-B673-498C-F0E3-65767BA779D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4" creationId="{708D1114-8CE2-BA3D-1706-AEF8BA39C4E3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5" creationId="{8443B193-93A9-EC90-D483-5F8D85D5395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6" creationId="{3FA9D1CB-FC10-56A0-E2DC-640DF2934CBB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7" creationId="{82D7F8BF-9977-4EFD-98E0-E4E1A4C53D9D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8" creationId="{3FA39717-B484-9AAD-DD2D-20434A47FE2C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9" creationId="{94D09B96-6108-0CD1-16FB-96D8B9D485C2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20" creationId="{DE4CC319-EE61-34D7-99BE-9433EB26401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1" creationId="{B54D8736-B006-FFCB-BDFD-8D95F63220D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3" creationId="{BF4D2E40-2A0E-C79A-A330-4F3A88FC24FA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4" creationId="{643F38AC-336C-8828-E691-3C0B82724915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5" creationId="{A3200DF2-71CC-081E-E6BB-A4FC0F45F50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6" creationId="{EFEC325A-1F00-2F00-CFBF-0BF9644292E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7" creationId="{D7C283FB-D693-3669-EA02-9658953ECBD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8" creationId="{A7C3ECB6-8F90-5E7B-F5FD-609C7D3E09C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9" creationId="{C00FC403-B546-5978-5F3F-C6F5E9FE38AD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0" creationId="{5D503FDF-1CBF-5995-6BB9-B119252AA88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1" creationId="{1FBB0E5A-0799-E395-4DC6-E944DFB239A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2" creationId="{38E63E1B-0AF9-4DDF-4C7E-F1677D0734A7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3" creationId="{23A246D5-FC7F-3EE2-4229-A43414EDF02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4" creationId="{57E0459A-4723-4A2B-8125-269600521517}"/>
          </ac:spMkLst>
        </pc:spChg>
        <pc:spChg chg="add mod">
          <ac:chgData name="유경 김" userId="3901b46e510d3c7f" providerId="LiveId" clId="{5F96A6B9-E222-494D-AB08-859664078266}" dt="2024-07-25T11:49:29.927" v="5922" actId="14100"/>
          <ac:spMkLst>
            <pc:docMk/>
            <pc:sldMk cId="3183725130" sldId="278"/>
            <ac:spMk id="36" creationId="{B547C54C-932B-9418-EC05-1A26D258A804}"/>
          </ac:spMkLst>
        </pc:spChg>
        <pc:spChg chg="add mod">
          <ac:chgData name="유경 김" userId="3901b46e510d3c7f" providerId="LiveId" clId="{5F96A6B9-E222-494D-AB08-859664078266}" dt="2024-07-25T11:49:07.473" v="5918" actId="1076"/>
          <ac:spMkLst>
            <pc:docMk/>
            <pc:sldMk cId="3183725130" sldId="278"/>
            <ac:spMk id="37" creationId="{AC581E1D-88A5-6B8F-2E81-239F28DCE5FE}"/>
          </ac:spMkLst>
        </pc:spChg>
        <pc:spChg chg="add mod">
          <ac:chgData name="유경 김" userId="3901b46e510d3c7f" providerId="LiveId" clId="{5F96A6B9-E222-494D-AB08-859664078266}" dt="2024-07-25T11:49:48.013" v="5924" actId="1076"/>
          <ac:spMkLst>
            <pc:docMk/>
            <pc:sldMk cId="3183725130" sldId="278"/>
            <ac:spMk id="38" creationId="{4DE47D38-8460-2D7E-9789-3D9DC4011380}"/>
          </ac:spMkLst>
        </pc:spChg>
        <pc:spChg chg="add mod">
          <ac:chgData name="유경 김" userId="3901b46e510d3c7f" providerId="LiveId" clId="{5F96A6B9-E222-494D-AB08-859664078266}" dt="2024-07-25T11:49:53.917" v="5926" actId="1076"/>
          <ac:spMkLst>
            <pc:docMk/>
            <pc:sldMk cId="3183725130" sldId="278"/>
            <ac:spMk id="39" creationId="{4FB555BE-87FE-F784-AD95-B2D79E22B66E}"/>
          </ac:spMkLst>
        </pc:spChg>
        <pc:spChg chg="add mod">
          <ac:chgData name="유경 김" userId="3901b46e510d3c7f" providerId="LiveId" clId="{5F96A6B9-E222-494D-AB08-859664078266}" dt="2024-07-25T11:50:11.019" v="5930" actId="1076"/>
          <ac:spMkLst>
            <pc:docMk/>
            <pc:sldMk cId="3183725130" sldId="278"/>
            <ac:spMk id="41" creationId="{0895E2F0-3E60-D180-5B5E-D23AACD590A9}"/>
          </ac:spMkLst>
        </pc:spChg>
        <pc:spChg chg="add mod">
          <ac:chgData name="유경 김" userId="3901b46e510d3c7f" providerId="LiveId" clId="{5F96A6B9-E222-494D-AB08-859664078266}" dt="2024-07-25T11:50:39.695" v="5936" actId="1076"/>
          <ac:spMkLst>
            <pc:docMk/>
            <pc:sldMk cId="3183725130" sldId="278"/>
            <ac:spMk id="42" creationId="{706E6332-38AF-8DD4-EE36-F38FEAAE283C}"/>
          </ac:spMkLst>
        </pc:spChg>
        <pc:spChg chg="add mod">
          <ac:chgData name="유경 김" userId="3901b46e510d3c7f" providerId="LiveId" clId="{5F96A6B9-E222-494D-AB08-859664078266}" dt="2024-07-25T11:51:04.810" v="5942" actId="1076"/>
          <ac:spMkLst>
            <pc:docMk/>
            <pc:sldMk cId="3183725130" sldId="278"/>
            <ac:spMk id="43" creationId="{DE7C15AD-4D1D-92B3-A59A-846DD9CDC0D7}"/>
          </ac:spMkLst>
        </pc:spChg>
        <pc:spChg chg="add del">
          <ac:chgData name="유경 김" userId="3901b46e510d3c7f" providerId="LiveId" clId="{5F96A6B9-E222-494D-AB08-859664078266}" dt="2024-07-25T11:51:20.797" v="5945" actId="22"/>
          <ac:spMkLst>
            <pc:docMk/>
            <pc:sldMk cId="3183725130" sldId="278"/>
            <ac:spMk id="45" creationId="{8B4CFAFE-534E-EA3B-978A-EE22C771E5AD}"/>
          </ac:spMkLst>
        </pc:spChg>
        <pc:spChg chg="add mod">
          <ac:chgData name="유경 김" userId="3901b46e510d3c7f" providerId="LiveId" clId="{5F96A6B9-E222-494D-AB08-859664078266}" dt="2024-07-25T11:51:34.487" v="5978" actId="1076"/>
          <ac:spMkLst>
            <pc:docMk/>
            <pc:sldMk cId="3183725130" sldId="278"/>
            <ac:spMk id="46" creationId="{0410E83A-3BD1-4C1F-FA79-02117B2E62F4}"/>
          </ac:spMkLst>
        </pc:spChg>
        <pc:spChg chg="add mod">
          <ac:chgData name="유경 김" userId="3901b46e510d3c7f" providerId="LiveId" clId="{5F96A6B9-E222-494D-AB08-859664078266}" dt="2024-07-25T11:56:06.350" v="6081" actId="207"/>
          <ac:spMkLst>
            <pc:docMk/>
            <pc:sldMk cId="3183725130" sldId="278"/>
            <ac:spMk id="49" creationId="{D4738A63-80CA-498E-B1DA-D061AF02A5BA}"/>
          </ac:spMkLst>
        </pc:spChg>
        <pc:spChg chg="add mod">
          <ac:chgData name="유경 김" userId="3901b46e510d3c7f" providerId="LiveId" clId="{5F96A6B9-E222-494D-AB08-859664078266}" dt="2024-07-25T11:56:09.809" v="6082" actId="207"/>
          <ac:spMkLst>
            <pc:docMk/>
            <pc:sldMk cId="3183725130" sldId="278"/>
            <ac:spMk id="50" creationId="{4DB4B214-FADB-6676-68BC-EB33943D14FB}"/>
          </ac:spMkLst>
        </pc:spChg>
        <pc:spChg chg="add mod">
          <ac:chgData name="유경 김" userId="3901b46e510d3c7f" providerId="LiveId" clId="{5F96A6B9-E222-494D-AB08-859664078266}" dt="2024-07-25T11:55:48.162" v="6076" actId="1076"/>
          <ac:spMkLst>
            <pc:docMk/>
            <pc:sldMk cId="3183725130" sldId="278"/>
            <ac:spMk id="51" creationId="{229B947F-3158-B1FE-0AA5-8B3740158CC1}"/>
          </ac:spMkLst>
        </pc:spChg>
        <pc:spChg chg="add mod">
          <ac:chgData name="유경 김" userId="3901b46e510d3c7f" providerId="LiveId" clId="{5F96A6B9-E222-494D-AB08-859664078266}" dt="2024-07-25T11:55:54.946" v="6079" actId="1076"/>
          <ac:spMkLst>
            <pc:docMk/>
            <pc:sldMk cId="3183725130" sldId="278"/>
            <ac:spMk id="52" creationId="{ED96E9AF-FBE7-FB0B-5004-5FB829A12EFD}"/>
          </ac:spMkLst>
        </pc:spChg>
        <pc:spChg chg="add mod">
          <ac:chgData name="유경 김" userId="3901b46e510d3c7f" providerId="LiveId" clId="{5F96A6B9-E222-494D-AB08-859664078266}" dt="2024-07-25T11:56:13.654" v="6083" actId="207"/>
          <ac:spMkLst>
            <pc:docMk/>
            <pc:sldMk cId="3183725130" sldId="278"/>
            <ac:spMk id="53" creationId="{4B628A94-236F-6B68-93A8-BEE3565BD3B2}"/>
          </ac:spMkLst>
        </pc:spChg>
        <pc:spChg chg="add mod">
          <ac:chgData name="유경 김" userId="3901b46e510d3c7f" providerId="LiveId" clId="{5F96A6B9-E222-494D-AB08-859664078266}" dt="2024-07-25T11:54:27.178" v="6041" actId="1076"/>
          <ac:spMkLst>
            <pc:docMk/>
            <pc:sldMk cId="3183725130" sldId="278"/>
            <ac:spMk id="54" creationId="{8C7C7DDD-A2F7-46EA-2853-744D91931163}"/>
          </ac:spMkLst>
        </pc:spChg>
        <pc:spChg chg="add mod">
          <ac:chgData name="유경 김" userId="3901b46e510d3c7f" providerId="LiveId" clId="{5F96A6B9-E222-494D-AB08-859664078266}" dt="2024-07-25T11:54:50.195" v="6046" actId="1036"/>
          <ac:spMkLst>
            <pc:docMk/>
            <pc:sldMk cId="3183725130" sldId="278"/>
            <ac:spMk id="55" creationId="{7A01F4F3-1C62-9BB6-75BB-78382FEFCC3F}"/>
          </ac:spMkLst>
        </pc:spChg>
        <pc:spChg chg="add mod">
          <ac:chgData name="유경 김" userId="3901b46e510d3c7f" providerId="LiveId" clId="{5F96A6B9-E222-494D-AB08-859664078266}" dt="2024-07-25T11:55:13.512" v="6056" actId="20577"/>
          <ac:spMkLst>
            <pc:docMk/>
            <pc:sldMk cId="3183725130" sldId="278"/>
            <ac:spMk id="56" creationId="{17FE55EB-E0DD-BF58-669F-95BD70638AEB}"/>
          </ac:spMkLst>
        </pc:spChg>
        <pc:spChg chg="add mod">
          <ac:chgData name="유경 김" userId="3901b46e510d3c7f" providerId="LiveId" clId="{5F96A6B9-E222-494D-AB08-859664078266}" dt="2024-07-25T11:55:51.201" v="6077" actId="1076"/>
          <ac:spMkLst>
            <pc:docMk/>
            <pc:sldMk cId="3183725130" sldId="278"/>
            <ac:spMk id="57" creationId="{3395608D-9197-B766-CBF5-EBCE9BD15128}"/>
          </ac:spMkLst>
        </pc:spChg>
        <pc:spChg chg="add mod">
          <ac:chgData name="유경 김" userId="3901b46e510d3c7f" providerId="LiveId" clId="{5F96A6B9-E222-494D-AB08-859664078266}" dt="2024-07-25T11:55:57.406" v="6080" actId="1076"/>
          <ac:spMkLst>
            <pc:docMk/>
            <pc:sldMk cId="3183725130" sldId="278"/>
            <ac:spMk id="58" creationId="{F1B6E4E9-F70B-1925-8F17-FABB539E633F}"/>
          </ac:spMkLst>
        </pc:spChg>
        <pc:spChg chg="add mod">
          <ac:chgData name="유경 김" userId="3901b46e510d3c7f" providerId="LiveId" clId="{5F96A6B9-E222-494D-AB08-859664078266}" dt="2024-07-25T11:55:41.202" v="6075" actId="1076"/>
          <ac:spMkLst>
            <pc:docMk/>
            <pc:sldMk cId="3183725130" sldId="278"/>
            <ac:spMk id="59" creationId="{C754E4E1-6DC0-A79C-B137-A416FCFDE753}"/>
          </ac:spMkLst>
        </pc:spChg>
        <pc:spChg chg="add del mod">
          <ac:chgData name="유경 김" userId="3901b46e510d3c7f" providerId="LiveId" clId="{5F96A6B9-E222-494D-AB08-859664078266}" dt="2024-07-25T12:15:26.105" v="6173" actId="21"/>
          <ac:spMkLst>
            <pc:docMk/>
            <pc:sldMk cId="3183725130" sldId="278"/>
            <ac:spMk id="60" creationId="{4CF1346A-CCAE-5408-8DCB-CD34F2E35ED9}"/>
          </ac:spMkLst>
        </pc:spChg>
        <pc:spChg chg="add del">
          <ac:chgData name="유경 김" userId="3901b46e510d3c7f" providerId="LiveId" clId="{5F96A6B9-E222-494D-AB08-859664078266}" dt="2024-07-25T11:57:31.968" v="6140" actId="21"/>
          <ac:spMkLst>
            <pc:docMk/>
            <pc:sldMk cId="3183725130" sldId="278"/>
            <ac:spMk id="61" creationId="{E3990083-2326-29CB-A1C9-506A097EBC80}"/>
          </ac:spMkLst>
        </pc:spChg>
        <pc:spChg chg="add mod">
          <ac:chgData name="유경 김" userId="3901b46e510d3c7f" providerId="LiveId" clId="{5F96A6B9-E222-494D-AB08-859664078266}" dt="2024-07-25T12:14:32.535" v="6164" actId="20577"/>
          <ac:spMkLst>
            <pc:docMk/>
            <pc:sldMk cId="3183725130" sldId="278"/>
            <ac:spMk id="63" creationId="{2FD513EA-898B-3960-D350-2A0D645B5E20}"/>
          </ac:spMkLst>
        </pc:spChg>
        <pc:spChg chg="add mod">
          <ac:chgData name="유경 김" userId="3901b46e510d3c7f" providerId="LiveId" clId="{5F96A6B9-E222-494D-AB08-859664078266}" dt="2024-07-25T12:14:48.254" v="6169" actId="20577"/>
          <ac:spMkLst>
            <pc:docMk/>
            <pc:sldMk cId="3183725130" sldId="278"/>
            <ac:spMk id="64" creationId="{44521A78-0E62-D9A9-C6DA-F96C3512845E}"/>
          </ac:spMkLst>
        </pc:spChg>
        <pc:picChg chg="add mod ord">
          <ac:chgData name="유경 김" userId="3901b46e510d3c7f" providerId="LiveId" clId="{5F96A6B9-E222-494D-AB08-859664078266}" dt="2024-07-25T11:50:25.615" v="5934" actId="1076"/>
          <ac:picMkLst>
            <pc:docMk/>
            <pc:sldMk cId="3183725130" sldId="278"/>
            <ac:picMk id="40" creationId="{846E3D80-35B0-28B0-7024-D3AC2C56670B}"/>
          </ac:picMkLst>
        </pc:picChg>
        <pc:cxnChg chg="add mod">
          <ac:chgData name="유경 김" userId="3901b46e510d3c7f" providerId="LiveId" clId="{5F96A6B9-E222-494D-AB08-859664078266}" dt="2024-07-25T11:45:56.432" v="5898"/>
          <ac:cxnSpMkLst>
            <pc:docMk/>
            <pc:sldMk cId="3183725130" sldId="278"/>
            <ac:cxnSpMk id="8" creationId="{95BB6220-87D8-8830-0EE2-CC39CE198405}"/>
          </ac:cxnSpMkLst>
        </pc:cxnChg>
        <pc:cxnChg chg="add mod">
          <ac:chgData name="유경 김" userId="3901b46e510d3c7f" providerId="LiveId" clId="{5F96A6B9-E222-494D-AB08-859664078266}" dt="2024-07-25T11:46:52.099" v="5905" actId="14100"/>
          <ac:cxnSpMkLst>
            <pc:docMk/>
            <pc:sldMk cId="3183725130" sldId="278"/>
            <ac:cxnSpMk id="22" creationId="{780DF361-DCB4-521A-C840-2F5F44579416}"/>
          </ac:cxnSpMkLst>
        </pc:cxnChg>
        <pc:cxnChg chg="add mod">
          <ac:chgData name="유경 김" userId="3901b46e510d3c7f" providerId="LiveId" clId="{5F96A6B9-E222-494D-AB08-859664078266}" dt="2024-07-25T11:52:16.661" v="6014" actId="692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modSp add mod ord">
        <pc:chgData name="유경 김" userId="3901b46e510d3c7f" providerId="LiveId" clId="{5F96A6B9-E222-494D-AB08-859664078266}" dt="2024-07-25T12:19:08.695" v="6203" actId="1076"/>
        <pc:sldMkLst>
          <pc:docMk/>
          <pc:sldMk cId="900349815" sldId="279"/>
        </pc:sldMkLst>
        <pc:spChg chg="add mod">
          <ac:chgData name="유경 김" userId="3901b46e510d3c7f" providerId="LiveId" clId="{5F96A6B9-E222-494D-AB08-859664078266}" dt="2024-07-25T12:16:31.045" v="6185" actId="1076"/>
          <ac:spMkLst>
            <pc:docMk/>
            <pc:sldMk cId="900349815" sldId="279"/>
            <ac:spMk id="7" creationId="{B0E65993-AD8C-7004-4805-368BFD1C5848}"/>
          </ac:spMkLst>
        </pc:spChg>
        <pc:spChg chg="add mod">
          <ac:chgData name="유경 김" userId="3901b46e510d3c7f" providerId="LiveId" clId="{5F96A6B9-E222-494D-AB08-859664078266}" dt="2024-07-25T12:19:08.695" v="6203" actId="1076"/>
          <ac:spMkLst>
            <pc:docMk/>
            <pc:sldMk cId="900349815" sldId="279"/>
            <ac:spMk id="9" creationId="{F4F16E07-8928-299E-E884-39A55B79D942}"/>
          </ac:spMkLst>
        </pc:spChg>
        <pc:picChg chg="add mod">
          <ac:chgData name="유경 김" userId="3901b46e510d3c7f" providerId="LiveId" clId="{5F96A6B9-E222-494D-AB08-859664078266}" dt="2024-07-25T12:19:01.183" v="6202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add mod">
        <pc:chgData name="유경 김" userId="3901b46e510d3c7f" providerId="LiveId" clId="{5F96A6B9-E222-494D-AB08-859664078266}" dt="2024-07-25T12:25:56.907" v="6291" actId="1076"/>
        <pc:sldMkLst>
          <pc:docMk/>
          <pc:sldMk cId="1259613327" sldId="280"/>
        </pc:sldMkLst>
        <pc:spChg chg="mod">
          <ac:chgData name="유경 김" userId="3901b46e510d3c7f" providerId="LiveId" clId="{5F96A6B9-E222-494D-AB08-859664078266}" dt="2024-07-25T12:24:34.570" v="6273" actId="1076"/>
          <ac:spMkLst>
            <pc:docMk/>
            <pc:sldMk cId="1259613327" sldId="28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2:17:50.215" v="6196" actId="20577"/>
          <ac:spMkLst>
            <pc:docMk/>
            <pc:sldMk cId="1259613327" sldId="280"/>
            <ac:spMk id="5" creationId="{9F3381DC-ECD1-4EC2-E8E6-7198A3B11914}"/>
          </ac:spMkLst>
        </pc:spChg>
        <pc:spChg chg="add mod">
          <ac:chgData name="유경 김" userId="3901b46e510d3c7f" providerId="LiveId" clId="{5F96A6B9-E222-494D-AB08-859664078266}" dt="2024-07-25T12:18:41.574" v="6201" actId="1076"/>
          <ac:spMkLst>
            <pc:docMk/>
            <pc:sldMk cId="1259613327" sldId="280"/>
            <ac:spMk id="8" creationId="{37B31E27-E650-D25E-016B-1267472331DA}"/>
          </ac:spMkLst>
        </pc:spChg>
        <pc:spChg chg="add mod">
          <ac:chgData name="유경 김" userId="3901b46e510d3c7f" providerId="LiveId" clId="{5F96A6B9-E222-494D-AB08-859664078266}" dt="2024-07-25T12:20:42.179" v="6233" actId="1076"/>
          <ac:spMkLst>
            <pc:docMk/>
            <pc:sldMk cId="1259613327" sldId="280"/>
            <ac:spMk id="9" creationId="{848E3A9C-4E53-2FF0-CCCB-DD9DFF2010FD}"/>
          </ac:spMkLst>
        </pc:spChg>
        <pc:spChg chg="add mod">
          <ac:chgData name="유경 김" userId="3901b46e510d3c7f" providerId="LiveId" clId="{5F96A6B9-E222-494D-AB08-859664078266}" dt="2024-07-25T12:20:22.319" v="6228" actId="1076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1" creationId="{6954D959-61F2-6343-9F65-8D7F7EC2BC50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2" creationId="{1B9A03A8-B449-1AE1-F85F-5EFA81E1AB66}"/>
          </ac:spMkLst>
        </pc:spChg>
        <pc:spChg chg="add mod">
          <ac:chgData name="유경 김" userId="3901b46e510d3c7f" providerId="LiveId" clId="{5F96A6B9-E222-494D-AB08-859664078266}" dt="2024-07-25T12:20:46.938" v="6234" actId="1076"/>
          <ac:spMkLst>
            <pc:docMk/>
            <pc:sldMk cId="1259613327" sldId="280"/>
            <ac:spMk id="13" creationId="{B3DAA005-8F4F-9921-9225-4FBE487C92EA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5" creationId="{B4406C3D-85F9-91AD-0DE4-57CCF75343C5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6" creationId="{F2EB9267-7150-412A-73F1-F71E75974188}"/>
          </ac:spMkLst>
        </pc:spChg>
        <pc:spChg chg="add mod">
          <ac:chgData name="유경 김" userId="3901b46e510d3c7f" providerId="LiveId" clId="{5F96A6B9-E222-494D-AB08-859664078266}" dt="2024-07-25T12:24:51.586" v="6277" actId="1076"/>
          <ac:spMkLst>
            <pc:docMk/>
            <pc:sldMk cId="1259613327" sldId="280"/>
            <ac:spMk id="17" creationId="{3732954F-AEB1-9535-34F5-733ED3733E1B}"/>
          </ac:spMkLst>
        </pc:spChg>
        <pc:spChg chg="add mod">
          <ac:chgData name="유경 김" userId="3901b46e510d3c7f" providerId="LiveId" clId="{5F96A6B9-E222-494D-AB08-859664078266}" dt="2024-07-25T12:24:42.581" v="6276" actId="1076"/>
          <ac:spMkLst>
            <pc:docMk/>
            <pc:sldMk cId="1259613327" sldId="280"/>
            <ac:spMk id="18" creationId="{AF9ECABF-33DF-23BA-89D5-E8653E60C705}"/>
          </ac:spMkLst>
        </pc:spChg>
        <pc:spChg chg="add mod">
          <ac:chgData name="유경 김" userId="3901b46e510d3c7f" providerId="LiveId" clId="{5F96A6B9-E222-494D-AB08-859664078266}" dt="2024-07-25T12:22:24.675" v="6248" actId="1076"/>
          <ac:spMkLst>
            <pc:docMk/>
            <pc:sldMk cId="1259613327" sldId="280"/>
            <ac:spMk id="20" creationId="{B97A3739-2ED4-204F-38E6-31E30D6F04AC}"/>
          </ac:spMkLst>
        </pc:spChg>
        <pc:spChg chg="add mod">
          <ac:chgData name="유경 김" userId="3901b46e510d3c7f" providerId="LiveId" clId="{5F96A6B9-E222-494D-AB08-859664078266}" dt="2024-07-25T12:22:02.461" v="6244" actId="1076"/>
          <ac:spMkLst>
            <pc:docMk/>
            <pc:sldMk cId="1259613327" sldId="280"/>
            <ac:spMk id="21" creationId="{014AC92D-FA87-2188-BE6D-219830AC51D3}"/>
          </ac:spMkLst>
        </pc:spChg>
        <pc:spChg chg="add mod">
          <ac:chgData name="유경 김" userId="3901b46e510d3c7f" providerId="LiveId" clId="{5F96A6B9-E222-494D-AB08-859664078266}" dt="2024-07-25T12:22:40.665" v="6250" actId="1076"/>
          <ac:spMkLst>
            <pc:docMk/>
            <pc:sldMk cId="1259613327" sldId="280"/>
            <ac:spMk id="23" creationId="{054C1EDA-7DCE-D02C-2F23-1928380F7A45}"/>
          </ac:spMkLst>
        </pc:spChg>
        <pc:spChg chg="add mod">
          <ac:chgData name="유경 김" userId="3901b46e510d3c7f" providerId="LiveId" clId="{5F96A6B9-E222-494D-AB08-859664078266}" dt="2024-07-25T12:22:36.040" v="6249" actId="1076"/>
          <ac:spMkLst>
            <pc:docMk/>
            <pc:sldMk cId="1259613327" sldId="280"/>
            <ac:spMk id="24" creationId="{4DC17328-33C6-D19F-3A15-FF2301B7D454}"/>
          </ac:spMkLst>
        </pc:spChg>
        <pc:spChg chg="add del mod">
          <ac:chgData name="유경 김" userId="3901b46e510d3c7f" providerId="LiveId" clId="{5F96A6B9-E222-494D-AB08-859664078266}" dt="2024-07-25T12:24:23.600" v="6269" actId="21"/>
          <ac:spMkLst>
            <pc:docMk/>
            <pc:sldMk cId="1259613327" sldId="280"/>
            <ac:spMk id="30" creationId="{5E1F6BE8-1E1A-5C46-098F-6ED00A851EA2}"/>
          </ac:spMkLst>
        </pc:spChg>
        <pc:spChg chg="add mod">
          <ac:chgData name="유경 김" userId="3901b46e510d3c7f" providerId="LiveId" clId="{5F96A6B9-E222-494D-AB08-859664078266}" dt="2024-07-25T12:24:32.153" v="6271" actId="1076"/>
          <ac:spMkLst>
            <pc:docMk/>
            <pc:sldMk cId="1259613327" sldId="280"/>
            <ac:spMk id="39" creationId="{37F370A5-3227-1B64-EE16-D9C5F665BB6B}"/>
          </ac:spMkLst>
        </pc:spChg>
        <pc:spChg chg="add mod">
          <ac:chgData name="유경 김" userId="3901b46e510d3c7f" providerId="LiveId" clId="{5F96A6B9-E222-494D-AB08-859664078266}" dt="2024-07-25T12:25:02.564" v="6278"/>
          <ac:spMkLst>
            <pc:docMk/>
            <pc:sldMk cId="1259613327" sldId="280"/>
            <ac:spMk id="43" creationId="{18B452C3-A6C4-3AE1-A39C-41549092AE91}"/>
          </ac:spMkLst>
        </pc:spChg>
        <pc:spChg chg="add mod">
          <ac:chgData name="유경 김" userId="3901b46e510d3c7f" providerId="LiveId" clId="{5F96A6B9-E222-494D-AB08-859664078266}" dt="2024-07-25T12:25:08.315" v="6279"/>
          <ac:spMkLst>
            <pc:docMk/>
            <pc:sldMk cId="1259613327" sldId="280"/>
            <ac:spMk id="44" creationId="{595FDB68-956D-28F9-56E2-286EE76356E6}"/>
          </ac:spMkLst>
        </pc:spChg>
        <pc:spChg chg="add mod">
          <ac:chgData name="유경 김" userId="3901b46e510d3c7f" providerId="LiveId" clId="{5F96A6B9-E222-494D-AB08-859664078266}" dt="2024-07-25T12:25:14.857" v="6281"/>
          <ac:spMkLst>
            <pc:docMk/>
            <pc:sldMk cId="1259613327" sldId="280"/>
            <ac:spMk id="45" creationId="{461912DC-1C97-9D55-69D8-CF8156BA2316}"/>
          </ac:spMkLst>
        </pc:spChg>
        <pc:spChg chg="add mod">
          <ac:chgData name="유경 김" userId="3901b46e510d3c7f" providerId="LiveId" clId="{5F96A6B9-E222-494D-AB08-859664078266}" dt="2024-07-25T12:25:28.412" v="6283" actId="1076"/>
          <ac:spMkLst>
            <pc:docMk/>
            <pc:sldMk cId="1259613327" sldId="280"/>
            <ac:spMk id="46" creationId="{BD4CAE26-A952-F953-20A9-B2A0E5BB9429}"/>
          </ac:spMkLst>
        </pc:spChg>
        <pc:spChg chg="add mod">
          <ac:chgData name="유경 김" userId="3901b46e510d3c7f" providerId="LiveId" clId="{5F96A6B9-E222-494D-AB08-859664078266}" dt="2024-07-25T12:25:56.907" v="6291" actId="1076"/>
          <ac:spMkLst>
            <pc:docMk/>
            <pc:sldMk cId="1259613327" sldId="280"/>
            <ac:spMk id="48" creationId="{9DD78ED2-BFEB-0719-F9FC-7087D546BEDF}"/>
          </ac:spMkLst>
        </pc:spChg>
        <pc:spChg chg="add mod">
          <ac:chgData name="유경 김" userId="3901b46e510d3c7f" providerId="LiveId" clId="{5F96A6B9-E222-494D-AB08-859664078266}" dt="2024-07-25T12:25:51.792" v="6290" actId="1076"/>
          <ac:spMkLst>
            <pc:docMk/>
            <pc:sldMk cId="1259613327" sldId="280"/>
            <ac:spMk id="49" creationId="{798DC032-BF86-BC6F-394F-6686645C1ED5}"/>
          </ac:spMkLst>
        </pc:spChg>
        <pc:picChg chg="add mod">
          <ac:chgData name="유경 김" userId="3901b46e510d3c7f" providerId="LiveId" clId="{5F96A6B9-E222-494D-AB08-859664078266}" dt="2024-07-25T12:20:32.900" v="6232" actId="1076"/>
          <ac:picMkLst>
            <pc:docMk/>
            <pc:sldMk cId="1259613327" sldId="280"/>
            <ac:picMk id="7" creationId="{D7EA9E9D-B53B-1BDC-5F74-2AE83C78A960}"/>
          </ac:picMkLst>
        </pc:picChg>
        <pc:cxnChg chg="add mod">
          <ac:chgData name="유경 김" userId="3901b46e510d3c7f" providerId="LiveId" clId="{5F96A6B9-E222-494D-AB08-859664078266}" dt="2024-07-25T12:21:33.261" v="6237" actId="14100"/>
          <ac:cxnSpMkLst>
            <pc:docMk/>
            <pc:sldMk cId="1259613327" sldId="280"/>
            <ac:cxnSpMk id="14" creationId="{0F10E153-BFBF-809E-0756-509087EAEB6A}"/>
          </ac:cxnSpMkLst>
        </pc:cxnChg>
        <pc:cxnChg chg="add mod">
          <ac:chgData name="유경 김" userId="3901b46e510d3c7f" providerId="LiveId" clId="{5F96A6B9-E222-494D-AB08-859664078266}" dt="2024-07-25T12:24:51.586" v="6277" actId="1076"/>
          <ac:cxnSpMkLst>
            <pc:docMk/>
            <pc:sldMk cId="1259613327" sldId="280"/>
            <ac:cxnSpMk id="19" creationId="{BE016CAE-5BF4-4542-6DCA-90F7A6AB2FBE}"/>
          </ac:cxnSpMkLst>
        </pc:cxnChg>
        <pc:cxnChg chg="add mod">
          <ac:chgData name="유경 김" userId="3901b46e510d3c7f" providerId="LiveId" clId="{5F96A6B9-E222-494D-AB08-859664078266}" dt="2024-07-25T12:22:24.675" v="6248" actId="1076"/>
          <ac:cxnSpMkLst>
            <pc:docMk/>
            <pc:sldMk cId="1259613327" sldId="280"/>
            <ac:cxnSpMk id="22" creationId="{12859D8D-5F8E-0044-7545-13F3081F0050}"/>
          </ac:cxnSpMkLst>
        </pc:cxnChg>
        <pc:cxnChg chg="add mod">
          <ac:chgData name="유경 김" userId="3901b46e510d3c7f" providerId="LiveId" clId="{5F96A6B9-E222-494D-AB08-859664078266}" dt="2024-07-25T12:24:42.581" v="6276" actId="1076"/>
          <ac:cxnSpMkLst>
            <pc:docMk/>
            <pc:sldMk cId="1259613327" sldId="280"/>
            <ac:cxnSpMk id="25" creationId="{931AA5F6-B738-B90C-1377-672317858EDC}"/>
          </ac:cxnSpMkLst>
        </pc:cxnChg>
        <pc:cxnChg chg="add del mod">
          <ac:chgData name="유경 김" userId="3901b46e510d3c7f" providerId="LiveId" clId="{5F96A6B9-E222-494D-AB08-859664078266}" dt="2024-07-25T12:24:11.461" v="6265" actId="21"/>
          <ac:cxnSpMkLst>
            <pc:docMk/>
            <pc:sldMk cId="1259613327" sldId="280"/>
            <ac:cxnSpMk id="32" creationId="{EB1F10E5-31D5-DE08-F00A-1FE84D60B8D4}"/>
          </ac:cxnSpMkLst>
        </pc:cxnChg>
        <pc:cxnChg chg="add mod">
          <ac:chgData name="유경 김" userId="3901b46e510d3c7f" providerId="LiveId" clId="{5F96A6B9-E222-494D-AB08-859664078266}" dt="2024-07-25T12:24:32.153" v="6271" actId="1076"/>
          <ac:cxnSpMkLst>
            <pc:docMk/>
            <pc:sldMk cId="1259613327" sldId="280"/>
            <ac:cxnSpMk id="40" creationId="{DCBFD1D1-6E53-64A1-8B4C-6D93CC9F308D}"/>
          </ac:cxnSpMkLst>
        </pc:cxnChg>
        <pc:cxnChg chg="add mod">
          <ac:chgData name="유경 김" userId="3901b46e510d3c7f" providerId="LiveId" clId="{5F96A6B9-E222-494D-AB08-859664078266}" dt="2024-07-25T12:25:02.564" v="6278"/>
          <ac:cxnSpMkLst>
            <pc:docMk/>
            <pc:sldMk cId="1259613327" sldId="280"/>
            <ac:cxnSpMk id="42" creationId="{2A96A1D7-BDB5-0F69-80E8-0A52FB748AED}"/>
          </ac:cxnSpMkLst>
        </pc:cxnChg>
        <pc:cxnChg chg="add mod">
          <ac:chgData name="유경 김" userId="3901b46e510d3c7f" providerId="LiveId" clId="{5F96A6B9-E222-494D-AB08-859664078266}" dt="2024-07-25T12:25:49.612" v="6289" actId="1076"/>
          <ac:cxnSpMkLst>
            <pc:docMk/>
            <pc:sldMk cId="1259613327" sldId="280"/>
            <ac:cxnSpMk id="47" creationId="{A970734D-82BC-619D-9AA7-52A7EDBDE96B}"/>
          </ac:cxnSpMkLst>
        </pc:cxnChg>
      </pc:sldChg>
    </pc:docChg>
  </pc:docChgLst>
  <pc:docChgLst>
    <pc:chgData name="유경 김" userId="3901b46e510d3c7f" providerId="LiveId" clId="{E85F0181-7422-4B2E-957F-6C714760E859}"/>
    <pc:docChg chg="undo redo custSel addSld delSld modSld sldOrd">
      <pc:chgData name="유경 김" userId="3901b46e510d3c7f" providerId="LiveId" clId="{E85F0181-7422-4B2E-957F-6C714760E859}" dt="2024-08-20T03:15:18.623" v="5004" actId="208"/>
      <pc:docMkLst>
        <pc:docMk/>
      </pc:docMkLst>
      <pc:sldChg chg="delSp del mod">
        <pc:chgData name="유경 김" userId="3901b46e510d3c7f" providerId="LiveId" clId="{E85F0181-7422-4B2E-957F-6C714760E859}" dt="2024-08-17T09:57:10.530" v="3173" actId="2696"/>
        <pc:sldMkLst>
          <pc:docMk/>
          <pc:sldMk cId="1348666558" sldId="263"/>
        </pc:sldMkLst>
        <pc:spChg chg="del">
          <ac:chgData name="유경 김" userId="3901b46e510d3c7f" providerId="LiveId" clId="{E85F0181-7422-4B2E-957F-6C714760E859}" dt="2024-08-17T09:41:42.123" v="2798" actId="21"/>
          <ac:spMkLst>
            <pc:docMk/>
            <pc:sldMk cId="1348666558" sldId="263"/>
            <ac:spMk id="9" creationId="{B784F2DC-C5CC-BB53-277A-6155CC0C506D}"/>
          </ac:spMkLst>
        </pc:spChg>
      </pc:sldChg>
      <pc:sldChg chg="addSp delSp modSp mod">
        <pc:chgData name="유경 김" userId="3901b46e510d3c7f" providerId="LiveId" clId="{E85F0181-7422-4B2E-957F-6C714760E859}" dt="2024-08-17T08:37:04.274" v="192" actId="20577"/>
        <pc:sldMkLst>
          <pc:docMk/>
          <pc:sldMk cId="1227121415" sldId="266"/>
        </pc:sldMkLst>
        <pc:spChg chg="add del mod">
          <ac:chgData name="유경 김" userId="3901b46e510d3c7f" providerId="LiveId" clId="{E85F0181-7422-4B2E-957F-6C714760E859}" dt="2024-08-17T08:36:38.193" v="177" actId="478"/>
          <ac:spMkLst>
            <pc:docMk/>
            <pc:sldMk cId="1227121415" sldId="266"/>
            <ac:spMk id="5" creationId="{E6F027B5-E0CD-5F4C-B682-83DD758C6B15}"/>
          </ac:spMkLst>
        </pc:spChg>
        <pc:spChg chg="del">
          <ac:chgData name="유경 김" userId="3901b46e510d3c7f" providerId="LiveId" clId="{E85F0181-7422-4B2E-957F-6C714760E859}" dt="2024-08-17T08:36:39.657" v="178" actId="478"/>
          <ac:spMkLst>
            <pc:docMk/>
            <pc:sldMk cId="1227121415" sldId="266"/>
            <ac:spMk id="17" creationId="{87282ED2-3DC1-C4C4-07EA-6E3D8AD980CD}"/>
          </ac:spMkLst>
        </pc:spChg>
        <pc:spChg chg="mod">
          <ac:chgData name="유경 김" userId="3901b46e510d3c7f" providerId="LiveId" clId="{E85F0181-7422-4B2E-957F-6C714760E859}" dt="2024-08-17T08:37:00.228" v="186" actId="20577"/>
          <ac:spMkLst>
            <pc:docMk/>
            <pc:sldMk cId="1227121415" sldId="266"/>
            <ac:spMk id="18" creationId="{9990DCE9-B76E-1E92-22AB-18034A5C8FB0}"/>
          </ac:spMkLst>
        </pc:spChg>
        <pc:spChg chg="mod">
          <ac:chgData name="유경 김" userId="3901b46e510d3c7f" providerId="LiveId" clId="{E85F0181-7422-4B2E-957F-6C714760E859}" dt="2024-08-17T08:36:58.212" v="184" actId="20577"/>
          <ac:spMkLst>
            <pc:docMk/>
            <pc:sldMk cId="1227121415" sldId="266"/>
            <ac:spMk id="19" creationId="{6524BC80-5AFD-093F-8C3C-4692B5C141E5}"/>
          </ac:spMkLst>
        </pc:spChg>
        <pc:spChg chg="mod">
          <ac:chgData name="유경 김" userId="3901b46e510d3c7f" providerId="LiveId" clId="{E85F0181-7422-4B2E-957F-6C714760E859}" dt="2024-08-17T08:37:01.763" v="188" actId="20577"/>
          <ac:spMkLst>
            <pc:docMk/>
            <pc:sldMk cId="1227121415" sldId="266"/>
            <ac:spMk id="20" creationId="{C5452906-85C5-96CC-70B3-F9A91D7BDCCE}"/>
          </ac:spMkLst>
        </pc:spChg>
        <pc:spChg chg="mod">
          <ac:chgData name="유경 김" userId="3901b46e510d3c7f" providerId="LiveId" clId="{E85F0181-7422-4B2E-957F-6C714760E859}" dt="2024-08-17T08:37:04.274" v="192" actId="20577"/>
          <ac:spMkLst>
            <pc:docMk/>
            <pc:sldMk cId="1227121415" sldId="266"/>
            <ac:spMk id="25" creationId="{04F27289-C8D5-9C7D-7425-EC6FD1CCB20B}"/>
          </ac:spMkLst>
        </pc:spChg>
      </pc:sldChg>
      <pc:sldChg chg="addSp delSp modSp mod">
        <pc:chgData name="유경 김" userId="3901b46e510d3c7f" providerId="LiveId" clId="{E85F0181-7422-4B2E-957F-6C714760E859}" dt="2024-08-17T08:38:51.941" v="224" actId="1076"/>
        <pc:sldMkLst>
          <pc:docMk/>
          <pc:sldMk cId="3654169443" sldId="270"/>
        </pc:sldMkLst>
        <pc:spChg chg="mod">
          <ac:chgData name="유경 김" userId="3901b46e510d3c7f" providerId="LiveId" clId="{E85F0181-7422-4B2E-957F-6C714760E859}" dt="2024-08-17T08:38:33.982" v="222" actId="1076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8:29:34.031" v="54"/>
          <ac:spMkLst>
            <pc:docMk/>
            <pc:sldMk cId="3654169443" sldId="270"/>
            <ac:spMk id="5" creationId="{4C7BC097-8A6D-EE48-37FB-B5ACA2EFC6E8}"/>
          </ac:spMkLst>
        </pc:spChg>
        <pc:spChg chg="add mod">
          <ac:chgData name="유경 김" userId="3901b46e510d3c7f" providerId="LiveId" clId="{E85F0181-7422-4B2E-957F-6C714760E859}" dt="2024-08-17T08:37:17.817" v="208" actId="20577"/>
          <ac:spMkLst>
            <pc:docMk/>
            <pc:sldMk cId="3654169443" sldId="270"/>
            <ac:spMk id="7" creationId="{6883A76A-5660-1565-6D30-D3FC48E3A77D}"/>
          </ac:spMkLst>
        </pc:spChg>
        <pc:spChg chg="add mod">
          <ac:chgData name="유경 김" userId="3901b46e510d3c7f" providerId="LiveId" clId="{E85F0181-7422-4B2E-957F-6C714760E859}" dt="2024-08-17T08:38:51.941" v="224" actId="1076"/>
          <ac:spMkLst>
            <pc:docMk/>
            <pc:sldMk cId="3654169443" sldId="270"/>
            <ac:spMk id="8" creationId="{97604DB7-298C-8811-2DC0-8A98DC277A6A}"/>
          </ac:spMkLst>
        </pc:spChg>
        <pc:spChg chg="add del mod">
          <ac:chgData name="유경 김" userId="3901b46e510d3c7f" providerId="LiveId" clId="{E85F0181-7422-4B2E-957F-6C714760E859}" dt="2024-08-17T08:35:18.893" v="138" actId="21"/>
          <ac:spMkLst>
            <pc:docMk/>
            <pc:sldMk cId="3654169443" sldId="270"/>
            <ac:spMk id="9" creationId="{753F3B85-7EB4-3A1D-F041-E45D8D5BD9B3}"/>
          </ac:spMkLst>
        </pc:spChg>
        <pc:spChg chg="add mod">
          <ac:chgData name="유경 김" userId="3901b46e510d3c7f" providerId="LiveId" clId="{E85F0181-7422-4B2E-957F-6C714760E859}" dt="2024-08-17T08:37:52.333" v="215" actId="1076"/>
          <ac:spMkLst>
            <pc:docMk/>
            <pc:sldMk cId="3654169443" sldId="270"/>
            <ac:spMk id="11" creationId="{6932A822-F974-D014-ED15-B0D5E490CEFE}"/>
          </ac:spMkLst>
        </pc:spChg>
        <pc:spChg chg="add mod">
          <ac:chgData name="유경 김" userId="3901b46e510d3c7f" providerId="LiveId" clId="{E85F0181-7422-4B2E-957F-6C714760E859}" dt="2024-08-17T08:38:16.460" v="221" actId="1076"/>
          <ac:spMkLst>
            <pc:docMk/>
            <pc:sldMk cId="3654169443" sldId="270"/>
            <ac:spMk id="12" creationId="{E39F4C98-75A5-0606-FC8C-3C4AD7B398E4}"/>
          </ac:spMkLst>
        </pc:spChg>
        <pc:picChg chg="add mod">
          <ac:chgData name="유경 김" userId="3901b46e510d3c7f" providerId="LiveId" clId="{E85F0181-7422-4B2E-957F-6C714760E859}" dt="2024-08-17T08:37:23.472" v="209" actId="1076"/>
          <ac:picMkLst>
            <pc:docMk/>
            <pc:sldMk cId="3654169443" sldId="270"/>
            <ac:picMk id="10" creationId="{099A82D1-7D2C-B7E0-866B-FBED7F71FF55}"/>
          </ac:picMkLst>
        </pc:picChg>
      </pc:sldChg>
      <pc:sldChg chg="del">
        <pc:chgData name="유경 김" userId="3901b46e510d3c7f" providerId="LiveId" clId="{E85F0181-7422-4B2E-957F-6C714760E859}" dt="2024-08-17T09:38:59.157" v="2769" actId="2696"/>
        <pc:sldMkLst>
          <pc:docMk/>
          <pc:sldMk cId="1353907540" sldId="271"/>
        </pc:sldMkLst>
      </pc:sldChg>
      <pc:sldChg chg="addSp delSp modSp mod ord">
        <pc:chgData name="유경 김" userId="3901b46e510d3c7f" providerId="LiveId" clId="{E85F0181-7422-4B2E-957F-6C714760E859}" dt="2024-08-20T02:37:21.880" v="4111"/>
        <pc:sldMkLst>
          <pc:docMk/>
          <pc:sldMk cId="3540325167" sldId="273"/>
        </pc:sldMkLst>
        <pc:spChg chg="mod">
          <ac:chgData name="유경 김" userId="3901b46e510d3c7f" providerId="LiveId" clId="{E85F0181-7422-4B2E-957F-6C714760E859}" dt="2024-08-17T09:57:37.134" v="3175" actId="20577"/>
          <ac:spMkLst>
            <pc:docMk/>
            <pc:sldMk cId="3540325167" sldId="273"/>
            <ac:spMk id="3" creationId="{42AC15BC-D779-EA40-C8B4-9D808B14A5B5}"/>
          </ac:spMkLst>
        </pc:spChg>
        <pc:spChg chg="add mod ord">
          <ac:chgData name="유경 김" userId="3901b46e510d3c7f" providerId="LiveId" clId="{E85F0181-7422-4B2E-957F-6C714760E859}" dt="2024-08-20T02:26:41.561" v="3950" actId="167"/>
          <ac:spMkLst>
            <pc:docMk/>
            <pc:sldMk cId="3540325167" sldId="273"/>
            <ac:spMk id="8" creationId="{921CAA84-7AF4-67EE-FE51-B9F0F04A8C07}"/>
          </ac:spMkLst>
        </pc:spChg>
        <pc:spChg chg="add mod">
          <ac:chgData name="유경 김" userId="3901b46e510d3c7f" providerId="LiveId" clId="{E85F0181-7422-4B2E-957F-6C714760E859}" dt="2024-08-20T02:27:40.553" v="3962" actId="164"/>
          <ac:spMkLst>
            <pc:docMk/>
            <pc:sldMk cId="3540325167" sldId="273"/>
            <ac:spMk id="9" creationId="{111A8F42-BAC6-4C43-0655-AA7BF4E774FF}"/>
          </ac:spMkLst>
        </pc:spChg>
        <pc:spChg chg="add del mod">
          <ac:chgData name="유경 김" userId="3901b46e510d3c7f" providerId="LiveId" clId="{E85F0181-7422-4B2E-957F-6C714760E859}" dt="2024-08-20T02:33:15.220" v="4005" actId="21"/>
          <ac:spMkLst>
            <pc:docMk/>
            <pc:sldMk cId="3540325167" sldId="273"/>
            <ac:spMk id="17" creationId="{A7DC92E5-7C07-DA83-3773-DADD4284B1F7}"/>
          </ac:spMkLst>
        </pc:spChg>
        <pc:spChg chg="add mod">
          <ac:chgData name="유경 김" userId="3901b46e510d3c7f" providerId="LiveId" clId="{E85F0181-7422-4B2E-957F-6C714760E859}" dt="2024-08-20T02:36:35.957" v="4090" actId="20577"/>
          <ac:spMkLst>
            <pc:docMk/>
            <pc:sldMk cId="3540325167" sldId="273"/>
            <ac:spMk id="18" creationId="{5E0C2DA9-FD21-99D7-33D6-F1D51987DDDC}"/>
          </ac:spMkLst>
        </pc:spChg>
        <pc:grpChg chg="add mod">
          <ac:chgData name="유경 김" userId="3901b46e510d3c7f" providerId="LiveId" clId="{E85F0181-7422-4B2E-957F-6C714760E859}" dt="2024-08-20T02:35:24.458" v="4054" actId="1076"/>
          <ac:grpSpMkLst>
            <pc:docMk/>
            <pc:sldMk cId="3540325167" sldId="273"/>
            <ac:grpSpMk id="10" creationId="{3A5BF1D2-03AB-8357-1FF1-FC526D316D8C}"/>
          </ac:grpSpMkLst>
        </pc:grpChg>
        <pc:picChg chg="add mod ord">
          <ac:chgData name="유경 김" userId="3901b46e510d3c7f" providerId="LiveId" clId="{E85F0181-7422-4B2E-957F-6C714760E859}" dt="2024-08-20T02:27:40.553" v="3962" actId="164"/>
          <ac:picMkLst>
            <pc:docMk/>
            <pc:sldMk cId="3540325167" sldId="273"/>
            <ac:picMk id="7" creationId="{954E03B4-B6D4-85B4-D931-858587DD3A68}"/>
          </ac:picMkLst>
        </pc:picChg>
        <pc:picChg chg="add mod ord">
          <ac:chgData name="유경 김" userId="3901b46e510d3c7f" providerId="LiveId" clId="{E85F0181-7422-4B2E-957F-6C714760E859}" dt="2024-08-20T02:35:38.541" v="4060" actId="1076"/>
          <ac:picMkLst>
            <pc:docMk/>
            <pc:sldMk cId="3540325167" sldId="273"/>
            <ac:picMk id="12" creationId="{9251D519-637B-A2B3-CD0A-342C2770D55A}"/>
          </ac:picMkLst>
        </pc:picChg>
        <pc:picChg chg="add del mod">
          <ac:chgData name="유경 김" userId="3901b46e510d3c7f" providerId="LiveId" clId="{E85F0181-7422-4B2E-957F-6C714760E859}" dt="2024-08-20T02:35:07.843" v="4045" actId="478"/>
          <ac:picMkLst>
            <pc:docMk/>
            <pc:sldMk cId="3540325167" sldId="273"/>
            <ac:picMk id="14" creationId="{9C279F7B-BE33-80FD-F282-38E9ED303AAA}"/>
          </ac:picMkLst>
        </pc:picChg>
        <pc:picChg chg="add del mod">
          <ac:chgData name="유경 김" userId="3901b46e510d3c7f" providerId="LiveId" clId="{E85F0181-7422-4B2E-957F-6C714760E859}" dt="2024-08-20T02:35:07.370" v="4044" actId="478"/>
          <ac:picMkLst>
            <pc:docMk/>
            <pc:sldMk cId="3540325167" sldId="273"/>
            <ac:picMk id="16" creationId="{511FD61C-6DB6-73A3-E1A9-B701FD2E5C50}"/>
          </ac:picMkLst>
        </pc:picChg>
      </pc:sldChg>
      <pc:sldChg chg="addSp delSp modSp mod ord">
        <pc:chgData name="유경 김" userId="3901b46e510d3c7f" providerId="LiveId" clId="{E85F0181-7422-4B2E-957F-6C714760E859}" dt="2024-08-20T03:09:53.166" v="4920" actId="478"/>
        <pc:sldMkLst>
          <pc:docMk/>
          <pc:sldMk cId="3426547522" sldId="274"/>
        </pc:sldMkLst>
        <pc:spChg chg="mod">
          <ac:chgData name="유경 김" userId="3901b46e510d3c7f" providerId="LiveId" clId="{E85F0181-7422-4B2E-957F-6C714760E859}" dt="2024-08-17T09:57:46.811" v="3179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9T09:01:10.660" v="3914"/>
          <ac:spMkLst>
            <pc:docMk/>
            <pc:sldMk cId="3426547522" sldId="274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0T02:37:43.545" v="4121" actId="478"/>
          <ac:spMkLst>
            <pc:docMk/>
            <pc:sldMk cId="3426547522" sldId="274"/>
            <ac:spMk id="8" creationId="{4EE1A25D-B646-1464-D8EE-1DAFFBE86A19}"/>
          </ac:spMkLst>
        </pc:spChg>
        <pc:spChg chg="add del mod">
          <ac:chgData name="유경 김" userId="3901b46e510d3c7f" providerId="LiveId" clId="{E85F0181-7422-4B2E-957F-6C714760E859}" dt="2024-08-20T03:09:53.166" v="4920" actId="478"/>
          <ac:spMkLst>
            <pc:docMk/>
            <pc:sldMk cId="3426547522" sldId="274"/>
            <ac:spMk id="9" creationId="{AD28BCBE-79E3-AA9C-462C-DE549A4F8D4E}"/>
          </ac:spMkLst>
        </pc:spChg>
        <pc:picChg chg="add del mod">
          <ac:chgData name="유경 김" userId="3901b46e510d3c7f" providerId="LiveId" clId="{E85F0181-7422-4B2E-957F-6C714760E859}" dt="2024-08-20T02:37:42.012" v="4119" actId="478"/>
          <ac:picMkLst>
            <pc:docMk/>
            <pc:sldMk cId="3426547522" sldId="274"/>
            <ac:picMk id="5" creationId="{24953C4C-43EA-96DF-54A6-1433BFC1C0F8}"/>
          </ac:picMkLst>
        </pc:picChg>
        <pc:picChg chg="add del mod">
          <ac:chgData name="유경 김" userId="3901b46e510d3c7f" providerId="LiveId" clId="{E85F0181-7422-4B2E-957F-6C714760E859}" dt="2024-08-20T02:37:42.568" v="4120" actId="478"/>
          <ac:picMkLst>
            <pc:docMk/>
            <pc:sldMk cId="3426547522" sldId="274"/>
            <ac:picMk id="7" creationId="{93918A03-3389-C304-52BD-46980FFF422D}"/>
          </ac:picMkLst>
        </pc:picChg>
        <pc:picChg chg="add del mod">
          <ac:chgData name="유경 김" userId="3901b46e510d3c7f" providerId="LiveId" clId="{E85F0181-7422-4B2E-957F-6C714760E859}" dt="2024-08-20T03:09:50.734" v="4916" actId="478"/>
          <ac:picMkLst>
            <pc:docMk/>
            <pc:sldMk cId="3426547522" sldId="274"/>
            <ac:picMk id="11" creationId="{0AC46A5D-D40B-CDD6-6491-D1E3B17D2B3A}"/>
          </ac:picMkLst>
        </pc:picChg>
        <pc:picChg chg="add del mod">
          <ac:chgData name="유경 김" userId="3901b46e510d3c7f" providerId="LiveId" clId="{E85F0181-7422-4B2E-957F-6C714760E859}" dt="2024-08-20T03:09:51.206" v="4918" actId="478"/>
          <ac:picMkLst>
            <pc:docMk/>
            <pc:sldMk cId="3426547522" sldId="274"/>
            <ac:picMk id="13" creationId="{CE79C386-4DF1-7362-3A10-5AAB18E4740F}"/>
          </ac:picMkLst>
        </pc:picChg>
      </pc:sldChg>
      <pc:sldChg chg="modSp mod">
        <pc:chgData name="유경 김" userId="3901b46e510d3c7f" providerId="LiveId" clId="{E85F0181-7422-4B2E-957F-6C714760E859}" dt="2024-08-20T03:11:29.621" v="4936" actId="20577"/>
        <pc:sldMkLst>
          <pc:docMk/>
          <pc:sldMk cId="512713613" sldId="275"/>
        </pc:sldMkLst>
        <pc:spChg chg="mod">
          <ac:chgData name="유경 김" userId="3901b46e510d3c7f" providerId="LiveId" clId="{E85F0181-7422-4B2E-957F-6C714760E859}" dt="2024-08-20T03:11:29.621" v="4936" actId="20577"/>
          <ac:spMkLst>
            <pc:docMk/>
            <pc:sldMk cId="512713613" sldId="275"/>
            <ac:spMk id="3" creationId="{42AC15BC-D779-EA40-C8B4-9D808B14A5B5}"/>
          </ac:spMkLst>
        </pc:spChg>
      </pc:sldChg>
      <pc:sldChg chg="addSp delSp modSp del mod ord">
        <pc:chgData name="유경 김" userId="3901b46e510d3c7f" providerId="LiveId" clId="{E85F0181-7422-4B2E-957F-6C714760E859}" dt="2024-08-20T03:11:35.245" v="4937" actId="2696"/>
        <pc:sldMkLst>
          <pc:docMk/>
          <pc:sldMk cId="1761781188" sldId="276"/>
        </pc:sldMkLst>
        <pc:spChg chg="mod">
          <ac:chgData name="유경 김" userId="3901b46e510d3c7f" providerId="LiveId" clId="{E85F0181-7422-4B2E-957F-6C714760E859}" dt="2024-08-17T09:57:42.930" v="3177" actId="20577"/>
          <ac:spMkLst>
            <pc:docMk/>
            <pc:sldMk cId="1761781188" sldId="27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7T09:58:00.470" v="3181" actId="14100"/>
          <ac:spMkLst>
            <pc:docMk/>
            <pc:sldMk cId="1761781188" sldId="276"/>
            <ac:spMk id="4" creationId="{5B9739BE-F7A6-959B-6AC0-641D66128035}"/>
          </ac:spMkLst>
        </pc:spChg>
        <pc:spChg chg="del">
          <ac:chgData name="유경 김" userId="3901b46e510d3c7f" providerId="LiveId" clId="{E85F0181-7422-4B2E-957F-6C714760E859}" dt="2024-08-17T09:58:25.216" v="3186" actId="478"/>
          <ac:spMkLst>
            <pc:docMk/>
            <pc:sldMk cId="1761781188" sldId="276"/>
            <ac:spMk id="8" creationId="{0DF40BD4-E747-E574-BBA2-F98983B384F2}"/>
          </ac:spMkLst>
        </pc:spChg>
        <pc:cxnChg chg="del mod">
          <ac:chgData name="유경 김" userId="3901b46e510d3c7f" providerId="LiveId" clId="{E85F0181-7422-4B2E-957F-6C714760E859}" dt="2024-08-17T09:58:12.236" v="3184" actId="478"/>
          <ac:cxnSpMkLst>
            <pc:docMk/>
            <pc:sldMk cId="1761781188" sldId="276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17T09:58:08.799" v="3183"/>
          <ac:cxnSpMkLst>
            <pc:docMk/>
            <pc:sldMk cId="1761781188" sldId="276"/>
            <ac:cxnSpMk id="7" creationId="{28C71970-5AF5-0A44-C200-99F028ED8FF3}"/>
          </ac:cxnSpMkLst>
        </pc:cxnChg>
        <pc:cxnChg chg="add mod">
          <ac:chgData name="유경 김" userId="3901b46e510d3c7f" providerId="LiveId" clId="{E85F0181-7422-4B2E-957F-6C714760E859}" dt="2024-08-17T09:58:12.581" v="3185"/>
          <ac:cxnSpMkLst>
            <pc:docMk/>
            <pc:sldMk cId="1761781188" sldId="276"/>
            <ac:cxnSpMk id="9" creationId="{FF17B594-B831-8AC7-DEF6-BEF5D0B446BF}"/>
          </ac:cxnSpMkLst>
        </pc:cxnChg>
      </pc:sldChg>
      <pc:sldChg chg="addSp delSp modSp mod">
        <pc:chgData name="유경 김" userId="3901b46e510d3c7f" providerId="LiveId" clId="{E85F0181-7422-4B2E-957F-6C714760E859}" dt="2024-08-19T06:16:20.299" v="3907" actId="1076"/>
        <pc:sldMkLst>
          <pc:docMk/>
          <pc:sldMk cId="519004451" sldId="277"/>
        </pc:sldMkLst>
        <pc:spChg chg="mod">
          <ac:chgData name="유경 김" userId="3901b46e510d3c7f" providerId="LiveId" clId="{E85F0181-7422-4B2E-957F-6C714760E859}" dt="2024-08-17T09:39:14.156" v="2772" actId="20577"/>
          <ac:spMkLst>
            <pc:docMk/>
            <pc:sldMk cId="519004451" sldId="277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17T09:54:08.055" v="3051" actId="20577"/>
          <ac:spMkLst>
            <pc:docMk/>
            <pc:sldMk cId="519004451" sldId="277"/>
            <ac:spMk id="5" creationId="{760733FC-526A-2FCB-E664-3100FE63EB8A}"/>
          </ac:spMkLst>
        </pc:spChg>
        <pc:spChg chg="add mod">
          <ac:chgData name="유경 김" userId="3901b46e510d3c7f" providerId="LiveId" clId="{E85F0181-7422-4B2E-957F-6C714760E859}" dt="2024-08-17T09:54:08.697" v="3052" actId="20577"/>
          <ac:spMkLst>
            <pc:docMk/>
            <pc:sldMk cId="519004451" sldId="277"/>
            <ac:spMk id="14" creationId="{30BFE58A-4164-F4FB-4E05-B197E8FCC80E}"/>
          </ac:spMkLst>
        </pc:spChg>
        <pc:spChg chg="add mod">
          <ac:chgData name="유경 김" userId="3901b46e510d3c7f" providerId="LiveId" clId="{E85F0181-7422-4B2E-957F-6C714760E859}" dt="2024-08-17T09:52:13.390" v="3023" actId="20577"/>
          <ac:spMkLst>
            <pc:docMk/>
            <pc:sldMk cId="519004451" sldId="277"/>
            <ac:spMk id="41" creationId="{2AA17514-7007-AE40-DA5A-D404454A3E32}"/>
          </ac:spMkLst>
        </pc:spChg>
        <pc:spChg chg="add mod">
          <ac:chgData name="유경 김" userId="3901b46e510d3c7f" providerId="LiveId" clId="{E85F0181-7422-4B2E-957F-6C714760E859}" dt="2024-08-17T09:54:12.205" v="3055" actId="20577"/>
          <ac:spMkLst>
            <pc:docMk/>
            <pc:sldMk cId="519004451" sldId="277"/>
            <ac:spMk id="42" creationId="{1C7ED134-D75F-6848-E7E5-50C6BA071D1F}"/>
          </ac:spMkLst>
        </pc:spChg>
        <pc:spChg chg="mod">
          <ac:chgData name="유경 김" userId="3901b46e510d3c7f" providerId="LiveId" clId="{E85F0181-7422-4B2E-957F-6C714760E859}" dt="2024-08-17T09:55:55.115" v="3166" actId="20577"/>
          <ac:spMkLst>
            <pc:docMk/>
            <pc:sldMk cId="519004451" sldId="277"/>
            <ac:spMk id="46" creationId="{058FEFC8-7513-E91A-8D4E-73D2CBBC83D8}"/>
          </ac:spMkLst>
        </pc:spChg>
        <pc:spChg chg="del">
          <ac:chgData name="유경 김" userId="3901b46e510d3c7f" providerId="LiveId" clId="{E85F0181-7422-4B2E-957F-6C714760E859}" dt="2024-08-17T09:40:06.865" v="2796" actId="478"/>
          <ac:spMkLst>
            <pc:docMk/>
            <pc:sldMk cId="519004451" sldId="277"/>
            <ac:spMk id="47" creationId="{05AC235E-5EE7-0934-B47A-E5735E8AC92B}"/>
          </ac:spMkLst>
        </pc:spChg>
        <pc:spChg chg="add del mod">
          <ac:chgData name="유경 김" userId="3901b46e510d3c7f" providerId="LiveId" clId="{E85F0181-7422-4B2E-957F-6C714760E859}" dt="2024-08-17T09:49:16.405" v="2864" actId="478"/>
          <ac:spMkLst>
            <pc:docMk/>
            <pc:sldMk cId="519004451" sldId="277"/>
            <ac:spMk id="48" creationId="{A7325EF7-358D-97A3-0331-6F82AE554A95}"/>
          </ac:spMkLst>
        </pc:spChg>
        <pc:spChg chg="add del mod">
          <ac:chgData name="유경 김" userId="3901b46e510d3c7f" providerId="LiveId" clId="{E85F0181-7422-4B2E-957F-6C714760E859}" dt="2024-08-17T09:49:15.100" v="2863" actId="478"/>
          <ac:spMkLst>
            <pc:docMk/>
            <pc:sldMk cId="519004451" sldId="277"/>
            <ac:spMk id="49" creationId="{D8AEDE67-B2B9-FE66-1467-1EFA19AD38FF}"/>
          </ac:spMkLst>
        </pc:spChg>
        <pc:spChg chg="add mod">
          <ac:chgData name="유경 김" userId="3901b46e510d3c7f" providerId="LiveId" clId="{E85F0181-7422-4B2E-957F-6C714760E859}" dt="2024-08-17T09:54:49.524" v="3062" actId="20577"/>
          <ac:spMkLst>
            <pc:docMk/>
            <pc:sldMk cId="519004451" sldId="277"/>
            <ac:spMk id="50" creationId="{CF62C176-B945-71E6-0487-F23BA72A3CE3}"/>
          </ac:spMkLst>
        </pc:spChg>
        <pc:spChg chg="add mod">
          <ac:chgData name="유경 김" userId="3901b46e510d3c7f" providerId="LiveId" clId="{E85F0181-7422-4B2E-957F-6C714760E859}" dt="2024-08-19T06:15:53.206" v="3903" actId="1076"/>
          <ac:spMkLst>
            <pc:docMk/>
            <pc:sldMk cId="519004451" sldId="277"/>
            <ac:spMk id="51" creationId="{F29A2E5E-0392-4B57-B566-983410CF3D35}"/>
          </ac:spMkLst>
        </pc:spChg>
        <pc:spChg chg="add mod">
          <ac:chgData name="유경 김" userId="3901b46e510d3c7f" providerId="LiveId" clId="{E85F0181-7422-4B2E-957F-6C714760E859}" dt="2024-08-19T06:16:20.299" v="3907" actId="1076"/>
          <ac:spMkLst>
            <pc:docMk/>
            <pc:sldMk cId="519004451" sldId="277"/>
            <ac:spMk id="52" creationId="{37AA9F01-09FF-F424-36D3-21786D67B448}"/>
          </ac:spMkLst>
        </pc:spChg>
        <pc:spChg chg="add mod">
          <ac:chgData name="유경 김" userId="3901b46e510d3c7f" providerId="LiveId" clId="{E85F0181-7422-4B2E-957F-6C714760E859}" dt="2024-08-19T06:15:58.026" v="3904" actId="1076"/>
          <ac:spMkLst>
            <pc:docMk/>
            <pc:sldMk cId="519004451" sldId="277"/>
            <ac:spMk id="53" creationId="{BB017DF0-502C-A5FE-0742-F71EC272D23C}"/>
          </ac:spMkLst>
        </pc:spChg>
      </pc:sldChg>
      <pc:sldChg chg="addSp delSp modSp del mod ord">
        <pc:chgData name="유경 김" userId="3901b46e510d3c7f" providerId="LiveId" clId="{E85F0181-7422-4B2E-957F-6C714760E859}" dt="2024-08-17T08:38:38.771" v="223" actId="2696"/>
        <pc:sldMkLst>
          <pc:docMk/>
          <pc:sldMk cId="3183725130" sldId="278"/>
        </pc:sldMkLst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8" creationId="{9FEFAF73-61AF-F891-B540-B4AEE920E7A3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9" creationId="{06534FF9-C592-91D9-48B1-AB68340F7F8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0" creationId="{6669AADC-925E-28CF-6A54-80EC1160EBF4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1" creationId="{FE70F03C-6CC8-0714-6F05-D1E328624D31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2" creationId="{EF6D7446-1F5B-EF8C-8BF3-2FAC2B1F9F6F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3" creationId="{C3199FDB-C613-5A12-7B48-25950E5B531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4" creationId="{3F8BD372-A154-6AAE-E35C-83F3CD418DFB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5" creationId="{DD58C2E2-29CF-48E0-1154-98A736CADB8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8" creationId="{9C49A172-0A59-FE48-FBE8-F7A99999244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9" creationId="{FCECB492-5CCC-57E4-9764-20E113C462A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1" creationId="{25FC3537-F00F-5B70-DE67-B3EAABD7BA71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2" creationId="{63B5D572-E4CD-DD98-728B-F4DE28EC414B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3" creationId="{AF1C2DD7-3D10-1949-C864-599E4913866C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4" creationId="{DDBC79DC-B5A6-34B4-C529-8DD0FF09BB5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5" creationId="{3B271810-DDCD-A01C-01DB-5A04CEB6B16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6" creationId="{D4DAE2DD-E991-696F-ACBB-11286530D02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7" creationId="{DAD7A077-AFD9-6D45-5117-5CC1F941EF0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8" creationId="{22984D75-DEBF-F3B9-64D6-0134CC493C5A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9" creationId="{20A204E6-CFA9-15E6-F462-98E70C1C9C3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0" creationId="{224AB984-C3C3-0228-6C9B-4B18E28FA2E8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1" creationId="{6AD25334-BC76-3011-3EF0-DB1AD7D4939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37" creationId="{AC581E1D-88A5-6B8F-2E81-239F28DCE5FE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6" creationId="{0410E83A-3BD1-4C1F-FA79-02117B2E62F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9" creationId="{D4738A63-80CA-498E-B1DA-D061AF02A5BA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0" creationId="{4DB4B214-FADB-6676-68BC-EB33943D14F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1" creationId="{229B947F-3158-B1FE-0AA5-8B3740158CC1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2" creationId="{ED96E9AF-FBE7-FB0B-5004-5FB829A12EFD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3" creationId="{4B628A94-236F-6B68-93A8-BEE3565BD3B2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4" creationId="{8C7C7DDD-A2F7-46EA-2853-744D91931163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5" creationId="{7A01F4F3-1C62-9BB6-75BB-78382FEFCC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6" creationId="{17FE55EB-E0DD-BF58-669F-95BD70638AE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7" creationId="{3395608D-9197-B766-CBF5-EBCE9BD15128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8" creationId="{F1B6E4E9-F70B-1925-8F17-FABB539E63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9" creationId="{C754E4E1-6DC0-A79C-B137-A416FCFDE753}"/>
          </ac:spMkLst>
        </pc:spChg>
        <pc:spChg chg="mod">
          <ac:chgData name="유경 김" userId="3901b46e510d3c7f" providerId="LiveId" clId="{E85F0181-7422-4B2E-957F-6C714760E859}" dt="2024-08-17T08:38:01.525" v="216" actId="1076"/>
          <ac:spMkLst>
            <pc:docMk/>
            <pc:sldMk cId="3183725130" sldId="278"/>
            <ac:spMk id="64" creationId="{44521A78-0E62-D9A9-C6DA-F96C3512845E}"/>
          </ac:spMkLst>
        </pc:spChg>
        <pc:grpChg chg="add mod">
          <ac:chgData name="유경 김" userId="3901b46e510d3c7f" providerId="LiveId" clId="{E85F0181-7422-4B2E-957F-6C714760E859}" dt="2024-08-17T08:34:45.823" v="130" actId="164"/>
          <ac:grpSpMkLst>
            <pc:docMk/>
            <pc:sldMk cId="3183725130" sldId="278"/>
            <ac:grpSpMk id="5" creationId="{8FE9675C-AD7B-590C-3B8A-D5CE5E9839BC}"/>
          </ac:grpSpMkLst>
        </pc:grpChg>
        <pc:grpChg chg="add mod">
          <ac:chgData name="유경 김" userId="3901b46e510d3c7f" providerId="LiveId" clId="{E85F0181-7422-4B2E-957F-6C714760E859}" dt="2024-08-17T08:34:40.967" v="127" actId="571"/>
          <ac:grpSpMkLst>
            <pc:docMk/>
            <pc:sldMk cId="3183725130" sldId="278"/>
            <ac:grpSpMk id="7" creationId="{D9F59129-DAB6-AF8F-0A12-60E6CCA8B55A}"/>
          </ac:grpSpMkLst>
        </pc:grpChg>
        <pc:grpChg chg="add mod">
          <ac:chgData name="유경 김" userId="3901b46e510d3c7f" providerId="LiveId" clId="{E85F0181-7422-4B2E-957F-6C714760E859}" dt="2024-08-17T08:35:01.322" v="131" actId="164"/>
          <ac:grpSpMkLst>
            <pc:docMk/>
            <pc:sldMk cId="3183725130" sldId="278"/>
            <ac:grpSpMk id="16" creationId="{46B8CB01-ADCF-23BC-FE7E-DB361D1D2E16}"/>
          </ac:grpSpMkLst>
        </pc:grpChg>
        <pc:grpChg chg="add del mod">
          <ac:chgData name="유경 김" userId="3901b46e510d3c7f" providerId="LiveId" clId="{E85F0181-7422-4B2E-957F-6C714760E859}" dt="2024-08-17T08:35:12.341" v="136" actId="21"/>
          <ac:grpSpMkLst>
            <pc:docMk/>
            <pc:sldMk cId="3183725130" sldId="278"/>
            <ac:grpSpMk id="17" creationId="{D3C4D926-BD6F-9AE7-8283-18A5A1E26EDF}"/>
          </ac:grpSpMkLst>
        </pc:grpChg>
        <pc:cxnChg chg="mod">
          <ac:chgData name="유경 김" userId="3901b46e510d3c7f" providerId="LiveId" clId="{E85F0181-7422-4B2E-957F-6C714760E859}" dt="2024-08-17T08:35:03.428" v="132" actId="571"/>
          <ac:cxnSpMkLst>
            <pc:docMk/>
            <pc:sldMk cId="3183725130" sldId="278"/>
            <ac:cxnSpMk id="20" creationId="{4F0765B8-E3B3-0412-EBD7-33D7D9F218C8}"/>
          </ac:cxnSpMkLst>
        </pc:cxnChg>
        <pc:cxnChg chg="mod">
          <ac:chgData name="유경 김" userId="3901b46e510d3c7f" providerId="LiveId" clId="{E85F0181-7422-4B2E-957F-6C714760E859}" dt="2024-08-17T08:35:01.322" v="131" actId="164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delSp modSp mod ord">
        <pc:chgData name="유경 김" userId="3901b46e510d3c7f" providerId="LiveId" clId="{E85F0181-7422-4B2E-957F-6C714760E859}" dt="2024-08-17T09:34:01.980" v="2765" actId="1076"/>
        <pc:sldMkLst>
          <pc:docMk/>
          <pc:sldMk cId="900349815" sldId="279"/>
        </pc:sldMkLst>
        <pc:spChg chg="mod">
          <ac:chgData name="유경 김" userId="3901b46e510d3c7f" providerId="LiveId" clId="{E85F0181-7422-4B2E-957F-6C714760E859}" dt="2024-08-17T09:33:56.205" v="2763" actId="1076"/>
          <ac:spMkLst>
            <pc:docMk/>
            <pc:sldMk cId="900349815" sldId="279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9:33:50.345" v="2760" actId="1076"/>
          <ac:spMkLst>
            <pc:docMk/>
            <pc:sldMk cId="900349815" sldId="279"/>
            <ac:spMk id="5" creationId="{7C6B84BC-E7E8-4762-8304-50BA378EFDC4}"/>
          </ac:spMkLst>
        </pc:spChg>
        <pc:spChg chg="del">
          <ac:chgData name="유경 김" userId="3901b46e510d3c7f" providerId="LiveId" clId="{E85F0181-7422-4B2E-957F-6C714760E859}" dt="2024-08-17T08:56:24.606" v="1864" actId="21"/>
          <ac:spMkLst>
            <pc:docMk/>
            <pc:sldMk cId="900349815" sldId="279"/>
            <ac:spMk id="9" creationId="{F4F16E07-8928-299E-E884-39A55B79D942}"/>
          </ac:spMkLst>
        </pc:spChg>
        <pc:picChg chg="mod">
          <ac:chgData name="유경 김" userId="3901b46e510d3c7f" providerId="LiveId" clId="{E85F0181-7422-4B2E-957F-6C714760E859}" dt="2024-08-17T09:34:01.980" v="2765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mod">
        <pc:chgData name="유경 김" userId="3901b46e510d3c7f" providerId="LiveId" clId="{E85F0181-7422-4B2E-957F-6C714760E859}" dt="2024-08-17T09:34:21.884" v="2768" actId="1076"/>
        <pc:sldMkLst>
          <pc:docMk/>
          <pc:sldMk cId="1259613327" sldId="280"/>
        </pc:sldMkLst>
        <pc:spChg chg="add del mod">
          <ac:chgData name="유경 김" userId="3901b46e510d3c7f" providerId="LiveId" clId="{E85F0181-7422-4B2E-957F-6C714760E859}" dt="2024-08-17T09:02:24.888" v="2412" actId="478"/>
          <ac:spMkLst>
            <pc:docMk/>
            <pc:sldMk cId="1259613327" sldId="280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7T09:02:17.245" v="2409" actId="20577"/>
          <ac:spMkLst>
            <pc:docMk/>
            <pc:sldMk cId="1259613327" sldId="280"/>
            <ac:spMk id="5" creationId="{9F3381DC-ECD1-4EC2-E8E6-7198A3B11914}"/>
          </ac:spMkLst>
        </pc:spChg>
        <pc:spChg chg="del mod">
          <ac:chgData name="유경 김" userId="3901b46e510d3c7f" providerId="LiveId" clId="{E85F0181-7422-4B2E-957F-6C714760E859}" dt="2024-08-17T08:25:42.461" v="19" actId="478"/>
          <ac:spMkLst>
            <pc:docMk/>
            <pc:sldMk cId="1259613327" sldId="280"/>
            <ac:spMk id="8" creationId="{37B31E27-E650-D25E-016B-1267472331DA}"/>
          </ac:spMkLst>
        </pc:spChg>
        <pc:spChg chg="del">
          <ac:chgData name="유경 김" userId="3901b46e510d3c7f" providerId="LiveId" clId="{E85F0181-7422-4B2E-957F-6C714760E859}" dt="2024-08-17T08:25:47.977" v="20" actId="478"/>
          <ac:spMkLst>
            <pc:docMk/>
            <pc:sldMk cId="1259613327" sldId="280"/>
            <ac:spMk id="9" creationId="{848E3A9C-4E53-2FF0-CCCB-DD9DFF2010FD}"/>
          </ac:spMkLst>
        </pc:spChg>
        <pc:spChg chg="del">
          <ac:chgData name="유경 김" userId="3901b46e510d3c7f" providerId="LiveId" clId="{E85F0181-7422-4B2E-957F-6C714760E859}" dt="2024-08-17T08:25:52.570" v="21" actId="478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E85F0181-7422-4B2E-957F-6C714760E859}" dt="2024-08-17T08:25:38.158" v="17" actId="478"/>
          <ac:spMkLst>
            <pc:docMk/>
            <pc:sldMk cId="1259613327" sldId="280"/>
            <ac:spMk id="11" creationId="{40315465-926A-5720-2E57-E9D3BFFCB738}"/>
          </ac:spMkLst>
        </pc:spChg>
        <pc:spChg chg="add del mod">
          <ac:chgData name="유경 김" userId="3901b46e510d3c7f" providerId="LiveId" clId="{E85F0181-7422-4B2E-957F-6C714760E859}" dt="2024-08-17T08:25:36.708" v="16" actId="478"/>
          <ac:spMkLst>
            <pc:docMk/>
            <pc:sldMk cId="1259613327" sldId="280"/>
            <ac:spMk id="12" creationId="{90CBD825-AD81-304F-934C-E82EE1B0D787}"/>
          </ac:spMkLst>
        </pc:spChg>
        <pc:spChg chg="del mod">
          <ac:chgData name="유경 김" userId="3901b46e510d3c7f" providerId="LiveId" clId="{E85F0181-7422-4B2E-957F-6C714760E859}" dt="2024-08-17T08:25:39.920" v="18" actId="478"/>
          <ac:spMkLst>
            <pc:docMk/>
            <pc:sldMk cId="1259613327" sldId="280"/>
            <ac:spMk id="13" creationId="{B3DAA005-8F4F-9921-9225-4FBE487C92EA}"/>
          </ac:spMkLst>
        </pc:spChg>
        <pc:spChg chg="del">
          <ac:chgData name="유경 김" userId="3901b46e510d3c7f" providerId="LiveId" clId="{E85F0181-7422-4B2E-957F-6C714760E859}" dt="2024-08-17T09:02:37.539" v="2421" actId="478"/>
          <ac:spMkLst>
            <pc:docMk/>
            <pc:sldMk cId="1259613327" sldId="280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9:02:36.164" v="2420" actId="478"/>
          <ac:spMkLst>
            <pc:docMk/>
            <pc:sldMk cId="1259613327" sldId="280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9:02:38.353" v="2422" actId="478"/>
          <ac:spMkLst>
            <pc:docMk/>
            <pc:sldMk cId="1259613327" sldId="280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9:03:03.534" v="2429" actId="478"/>
          <ac:spMkLst>
            <pc:docMk/>
            <pc:sldMk cId="1259613327" sldId="280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9:02:33.793" v="2417" actId="478"/>
          <ac:spMkLst>
            <pc:docMk/>
            <pc:sldMk cId="1259613327" sldId="280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9:02:30.334" v="2415" actId="478"/>
          <ac:spMkLst>
            <pc:docMk/>
            <pc:sldMk cId="1259613327" sldId="280"/>
            <ac:spMk id="21" creationId="{014AC92D-FA87-2188-BE6D-219830AC51D3}"/>
          </ac:spMkLst>
        </pc:spChg>
        <pc:spChg chg="del mod">
          <ac:chgData name="유경 김" userId="3901b46e510d3c7f" providerId="LiveId" clId="{E85F0181-7422-4B2E-957F-6C714760E859}" dt="2024-08-17T09:02:28.510" v="2414" actId="478"/>
          <ac:spMkLst>
            <pc:docMk/>
            <pc:sldMk cId="1259613327" sldId="280"/>
            <ac:spMk id="23" creationId="{054C1EDA-7DCE-D02C-2F23-1928380F7A45}"/>
          </ac:spMkLst>
        </pc:spChg>
        <pc:spChg chg="del">
          <ac:chgData name="유경 김" userId="3901b46e510d3c7f" providerId="LiveId" clId="{E85F0181-7422-4B2E-957F-6C714760E859}" dt="2024-08-17T09:02:31.034" v="2416" actId="478"/>
          <ac:spMkLst>
            <pc:docMk/>
            <pc:sldMk cId="1259613327" sldId="280"/>
            <ac:spMk id="24" creationId="{4DC17328-33C6-D19F-3A15-FF2301B7D454}"/>
          </ac:spMkLst>
        </pc:spChg>
        <pc:spChg chg="add mod">
          <ac:chgData name="유경 김" userId="3901b46e510d3c7f" providerId="LiveId" clId="{E85F0181-7422-4B2E-957F-6C714760E859}" dt="2024-08-17T08:27:40.388" v="28"/>
          <ac:spMkLst>
            <pc:docMk/>
            <pc:sldMk cId="1259613327" sldId="280"/>
            <ac:spMk id="27" creationId="{6104D7C2-CEE9-F2E4-E3B3-ED1DA195BA88}"/>
          </ac:spMkLst>
        </pc:spChg>
        <pc:spChg chg="add mod">
          <ac:chgData name="유경 김" userId="3901b46e510d3c7f" providerId="LiveId" clId="{E85F0181-7422-4B2E-957F-6C714760E859}" dt="2024-08-17T09:27:03.339" v="2726" actId="20577"/>
          <ac:spMkLst>
            <pc:docMk/>
            <pc:sldMk cId="1259613327" sldId="280"/>
            <ac:spMk id="28" creationId="{177E27BB-455A-2150-D949-5881A784E4E0}"/>
          </ac:spMkLst>
        </pc:spChg>
        <pc:spChg chg="del">
          <ac:chgData name="유경 김" userId="3901b46e510d3c7f" providerId="LiveId" clId="{E85F0181-7422-4B2E-957F-6C714760E859}" dt="2024-08-17T09:02:42.291" v="2424" actId="478"/>
          <ac:spMkLst>
            <pc:docMk/>
            <pc:sldMk cId="1259613327" sldId="280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9:03:00.985" v="2428" actId="478"/>
          <ac:spMkLst>
            <pc:docMk/>
            <pc:sldMk cId="1259613327" sldId="280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9:03:08.019" v="2431" actId="478"/>
          <ac:spMkLst>
            <pc:docMk/>
            <pc:sldMk cId="1259613327" sldId="280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9:02:45.607" v="2427" actId="478"/>
          <ac:spMkLst>
            <pc:docMk/>
            <pc:sldMk cId="1259613327" sldId="280"/>
            <ac:spMk id="46" creationId="{BD4CAE26-A952-F953-20A9-B2A0E5BB9429}"/>
          </ac:spMkLst>
        </pc:spChg>
        <pc:spChg chg="del mod">
          <ac:chgData name="유경 김" userId="3901b46e510d3c7f" providerId="LiveId" clId="{E85F0181-7422-4B2E-957F-6C714760E859}" dt="2024-08-17T09:03:10.748" v="2434" actId="478"/>
          <ac:spMkLst>
            <pc:docMk/>
            <pc:sldMk cId="1259613327" sldId="280"/>
            <ac:spMk id="48" creationId="{9DD78ED2-BFEB-0719-F9FC-7087D546BEDF}"/>
          </ac:spMkLst>
        </pc:spChg>
        <pc:spChg chg="mod">
          <ac:chgData name="유경 김" userId="3901b46e510d3c7f" providerId="LiveId" clId="{E85F0181-7422-4B2E-957F-6C714760E859}" dt="2024-08-17T08:26:16.937" v="26" actId="164"/>
          <ac:spMkLst>
            <pc:docMk/>
            <pc:sldMk cId="1259613327" sldId="280"/>
            <ac:spMk id="49" creationId="{798DC032-BF86-BC6F-394F-6686645C1ED5}"/>
          </ac:spMkLst>
        </pc:spChg>
        <pc:grpChg chg="add del mod">
          <ac:chgData name="유경 김" userId="3901b46e510d3c7f" providerId="LiveId" clId="{E85F0181-7422-4B2E-957F-6C714760E859}" dt="2024-08-17T09:03:12.185" v="2435" actId="478"/>
          <ac:grpSpMkLst>
            <pc:docMk/>
            <pc:sldMk cId="1259613327" sldId="280"/>
            <ac:grpSpMk id="26" creationId="{90AD7489-8672-C636-E28F-F3E4D4143D08}"/>
          </ac:grpSpMkLst>
        </pc:grpChg>
        <pc:picChg chg="del mod">
          <ac:chgData name="유경 김" userId="3901b46e510d3c7f" providerId="LiveId" clId="{E85F0181-7422-4B2E-957F-6C714760E859}" dt="2024-08-17T09:02:22.520" v="2410" actId="478"/>
          <ac:picMkLst>
            <pc:docMk/>
            <pc:sldMk cId="1259613327" sldId="280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17T09:29:35.413" v="2732" actId="14100"/>
          <ac:picMkLst>
            <pc:docMk/>
            <pc:sldMk cId="1259613327" sldId="280"/>
            <ac:picMk id="30" creationId="{4DD52979-3A1C-AFCF-23F3-C9376F6DB724}"/>
          </ac:picMkLst>
        </pc:picChg>
        <pc:picChg chg="add mod">
          <ac:chgData name="유경 김" userId="3901b46e510d3c7f" providerId="LiveId" clId="{E85F0181-7422-4B2E-957F-6C714760E859}" dt="2024-08-17T09:34:16.934" v="2766" actId="1076"/>
          <ac:picMkLst>
            <pc:docMk/>
            <pc:sldMk cId="1259613327" sldId="280"/>
            <ac:picMk id="32" creationId="{92E19011-75FD-9D03-DC1C-40E994D33B9B}"/>
          </ac:picMkLst>
        </pc:picChg>
        <pc:picChg chg="add mod">
          <ac:chgData name="유경 김" userId="3901b46e510d3c7f" providerId="LiveId" clId="{E85F0181-7422-4B2E-957F-6C714760E859}" dt="2024-08-17T09:34:19.172" v="2767" actId="1076"/>
          <ac:picMkLst>
            <pc:docMk/>
            <pc:sldMk cId="1259613327" sldId="280"/>
            <ac:picMk id="34" creationId="{DAF1516C-DE44-4125-E2C3-13E9C518F08A}"/>
          </ac:picMkLst>
        </pc:picChg>
        <pc:picChg chg="add mod">
          <ac:chgData name="유경 김" userId="3901b46e510d3c7f" providerId="LiveId" clId="{E85F0181-7422-4B2E-957F-6C714760E859}" dt="2024-08-17T09:31:25.702" v="2750" actId="1076"/>
          <ac:picMkLst>
            <pc:docMk/>
            <pc:sldMk cId="1259613327" sldId="280"/>
            <ac:picMk id="36" creationId="{966C6208-6215-8DAC-9562-3F297534B571}"/>
          </ac:picMkLst>
        </pc:picChg>
        <pc:picChg chg="add mod">
          <ac:chgData name="유경 김" userId="3901b46e510d3c7f" providerId="LiveId" clId="{E85F0181-7422-4B2E-957F-6C714760E859}" dt="2024-08-17T09:34:21.884" v="2768" actId="1076"/>
          <ac:picMkLst>
            <pc:docMk/>
            <pc:sldMk cId="1259613327" sldId="280"/>
            <ac:picMk id="38" creationId="{9EE7B0BD-CFD0-F1C5-C086-650C6129E81F}"/>
          </ac:picMkLst>
        </pc:picChg>
        <pc:cxnChg chg="del">
          <ac:chgData name="유경 김" userId="3901b46e510d3c7f" providerId="LiveId" clId="{E85F0181-7422-4B2E-957F-6C714760E859}" dt="2024-08-17T09:02:43.461" v="2425" actId="478"/>
          <ac:cxnSpMkLst>
            <pc:docMk/>
            <pc:sldMk cId="1259613327" sldId="280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9:02:35.339" v="2419" actId="478"/>
          <ac:cxnSpMkLst>
            <pc:docMk/>
            <pc:sldMk cId="1259613327" sldId="280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9:02:34.593" v="2418" actId="478"/>
          <ac:cxnSpMkLst>
            <pc:docMk/>
            <pc:sldMk cId="1259613327" sldId="280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9:02:44.488" v="2426" actId="478"/>
          <ac:cxnSpMkLst>
            <pc:docMk/>
            <pc:sldMk cId="1259613327" sldId="280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9:02:39.956" v="2423" actId="478"/>
          <ac:cxnSpMkLst>
            <pc:docMk/>
            <pc:sldMk cId="1259613327" sldId="280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9:03:06.027" v="2430" actId="478"/>
          <ac:cxnSpMkLst>
            <pc:docMk/>
            <pc:sldMk cId="1259613327" sldId="280"/>
            <ac:cxnSpMk id="42" creationId="{2A96A1D7-BDB5-0F69-80E8-0A52FB748AED}"/>
          </ac:cxnSpMkLst>
        </pc:cxnChg>
        <pc:cxnChg chg="mod">
          <ac:chgData name="유경 김" userId="3901b46e510d3c7f" providerId="LiveId" clId="{E85F0181-7422-4B2E-957F-6C714760E859}" dt="2024-08-17T08:26:16.937" v="26" actId="164"/>
          <ac:cxnSpMkLst>
            <pc:docMk/>
            <pc:sldMk cId="1259613327" sldId="280"/>
            <ac:cxnSpMk id="47" creationId="{A970734D-82BC-619D-9AA7-52A7EDBDE96B}"/>
          </ac:cxnSpMkLst>
        </pc:cxnChg>
      </pc:sldChg>
      <pc:sldChg chg="delSp modSp add del mod">
        <pc:chgData name="유경 김" userId="3901b46e510d3c7f" providerId="LiveId" clId="{E85F0181-7422-4B2E-957F-6C714760E859}" dt="2024-08-17T09:39:01.386" v="2770" actId="2696"/>
        <pc:sldMkLst>
          <pc:docMk/>
          <pc:sldMk cId="1053000471" sldId="281"/>
        </pc:sldMkLst>
        <pc:spChg chg="mod">
          <ac:chgData name="유경 김" userId="3901b46e510d3c7f" providerId="LiveId" clId="{E85F0181-7422-4B2E-957F-6C714760E859}" dt="2024-08-17T08:28:36.396" v="52" actId="1076"/>
          <ac:spMkLst>
            <pc:docMk/>
            <pc:sldMk cId="1053000471" sldId="281"/>
            <ac:spMk id="2" creationId="{FE12E6A2-8182-E608-8ADC-1CD3DB8E51D9}"/>
          </ac:spMkLst>
        </pc:spChg>
        <pc:spChg chg="del">
          <ac:chgData name="유경 김" userId="3901b46e510d3c7f" providerId="LiveId" clId="{E85F0181-7422-4B2E-957F-6C714760E859}" dt="2024-08-17T08:28:05.703" v="38" actId="478"/>
          <ac:spMkLst>
            <pc:docMk/>
            <pc:sldMk cId="1053000471" sldId="281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8:28:15.377" v="43" actId="478"/>
          <ac:spMkLst>
            <pc:docMk/>
            <pc:sldMk cId="1053000471" sldId="281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8:28:06.767" v="39" actId="478"/>
          <ac:spMkLst>
            <pc:docMk/>
            <pc:sldMk cId="1053000471" sldId="281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8:28:17.100" v="45" actId="478"/>
          <ac:spMkLst>
            <pc:docMk/>
            <pc:sldMk cId="1053000471" sldId="281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8:28:04.565" v="37" actId="478"/>
          <ac:spMkLst>
            <pc:docMk/>
            <pc:sldMk cId="1053000471" sldId="281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8:28:01.020" v="34" actId="478"/>
          <ac:spMkLst>
            <pc:docMk/>
            <pc:sldMk cId="1053000471" sldId="281"/>
            <ac:spMk id="21" creationId="{014AC92D-FA87-2188-BE6D-219830AC51D3}"/>
          </ac:spMkLst>
        </pc:spChg>
        <pc:spChg chg="del">
          <ac:chgData name="유경 김" userId="3901b46e510d3c7f" providerId="LiveId" clId="{E85F0181-7422-4B2E-957F-6C714760E859}" dt="2024-08-17T08:27:59.591" v="33" actId="478"/>
          <ac:spMkLst>
            <pc:docMk/>
            <pc:sldMk cId="1053000471" sldId="281"/>
            <ac:spMk id="23" creationId="{054C1EDA-7DCE-D02C-2F23-1928380F7A45}"/>
          </ac:spMkLst>
        </pc:spChg>
        <pc:spChg chg="del mod">
          <ac:chgData name="유경 김" userId="3901b46e510d3c7f" providerId="LiveId" clId="{E85F0181-7422-4B2E-957F-6C714760E859}" dt="2024-08-17T08:27:58.262" v="32" actId="478"/>
          <ac:spMkLst>
            <pc:docMk/>
            <pc:sldMk cId="1053000471" sldId="281"/>
            <ac:spMk id="24" creationId="{4DC17328-33C6-D19F-3A15-FF2301B7D454}"/>
          </ac:spMkLst>
        </pc:spChg>
        <pc:spChg chg="del">
          <ac:chgData name="유경 김" userId="3901b46e510d3c7f" providerId="LiveId" clId="{E85F0181-7422-4B2E-957F-6C714760E859}" dt="2024-08-17T08:28:09.413" v="40" actId="478"/>
          <ac:spMkLst>
            <pc:docMk/>
            <pc:sldMk cId="1053000471" sldId="281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8:28:22.348" v="48" actId="478"/>
          <ac:spMkLst>
            <pc:docMk/>
            <pc:sldMk cId="1053000471" sldId="281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8:28:21.482" v="47" actId="478"/>
          <ac:spMkLst>
            <pc:docMk/>
            <pc:sldMk cId="1053000471" sldId="281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8:28:20.261" v="46" actId="478"/>
          <ac:spMkLst>
            <pc:docMk/>
            <pc:sldMk cId="1053000471" sldId="281"/>
            <ac:spMk id="46" creationId="{BD4CAE26-A952-F953-20A9-B2A0E5BB9429}"/>
          </ac:spMkLst>
        </pc:spChg>
        <pc:grpChg chg="del">
          <ac:chgData name="유경 김" userId="3901b46e510d3c7f" providerId="LiveId" clId="{E85F0181-7422-4B2E-957F-6C714760E859}" dt="2024-08-17T08:28:33.080" v="50" actId="478"/>
          <ac:grpSpMkLst>
            <pc:docMk/>
            <pc:sldMk cId="1053000471" sldId="281"/>
            <ac:grpSpMk id="26" creationId="{90AD7489-8672-C636-E28F-F3E4D4143D08}"/>
          </ac:grpSpMkLst>
        </pc:grpChg>
        <pc:picChg chg="mod">
          <ac:chgData name="유경 김" userId="3901b46e510d3c7f" providerId="LiveId" clId="{E85F0181-7422-4B2E-957F-6C714760E859}" dt="2024-08-17T08:28:40.396" v="53" actId="1076"/>
          <ac:picMkLst>
            <pc:docMk/>
            <pc:sldMk cId="1053000471" sldId="281"/>
            <ac:picMk id="7" creationId="{D7EA9E9D-B53B-1BDC-5F74-2AE83C78A960}"/>
          </ac:picMkLst>
        </pc:picChg>
        <pc:cxnChg chg="del">
          <ac:chgData name="유경 김" userId="3901b46e510d3c7f" providerId="LiveId" clId="{E85F0181-7422-4B2E-957F-6C714760E859}" dt="2024-08-17T08:28:12.909" v="41" actId="478"/>
          <ac:cxnSpMkLst>
            <pc:docMk/>
            <pc:sldMk cId="1053000471" sldId="281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8:28:02.938" v="36" actId="478"/>
          <ac:cxnSpMkLst>
            <pc:docMk/>
            <pc:sldMk cId="1053000471" sldId="281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8:28:01.989" v="35" actId="478"/>
          <ac:cxnSpMkLst>
            <pc:docMk/>
            <pc:sldMk cId="1053000471" sldId="281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8:28:16.384" v="44" actId="478"/>
          <ac:cxnSpMkLst>
            <pc:docMk/>
            <pc:sldMk cId="1053000471" sldId="281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8:28:13.935" v="42" actId="478"/>
          <ac:cxnSpMkLst>
            <pc:docMk/>
            <pc:sldMk cId="1053000471" sldId="281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8:28:23.101" v="49" actId="478"/>
          <ac:cxnSpMkLst>
            <pc:docMk/>
            <pc:sldMk cId="1053000471" sldId="281"/>
            <ac:cxnSpMk id="42" creationId="{2A96A1D7-BDB5-0F69-80E8-0A52FB748AED}"/>
          </ac:cxnSpMkLst>
        </pc:cxnChg>
      </pc:sldChg>
      <pc:sldChg chg="add del setBg">
        <pc:chgData name="유경 김" userId="3901b46e510d3c7f" providerId="LiveId" clId="{E85F0181-7422-4B2E-957F-6C714760E859}" dt="2024-08-17T09:39:18.753" v="2774"/>
        <pc:sldMkLst>
          <pc:docMk/>
          <pc:sldMk cId="1459194158" sldId="281"/>
        </pc:sldMkLst>
      </pc:sldChg>
      <pc:sldChg chg="addSp delSp modSp add mod ord">
        <pc:chgData name="유경 김" userId="3901b46e510d3c7f" providerId="LiveId" clId="{E85F0181-7422-4B2E-957F-6C714760E859}" dt="2024-08-20T02:21:22.364" v="3932" actId="14100"/>
        <pc:sldMkLst>
          <pc:docMk/>
          <pc:sldMk cId="3214968650" sldId="282"/>
        </pc:sldMkLst>
        <pc:spChg chg="del">
          <ac:chgData name="유경 김" userId="3901b46e510d3c7f" providerId="LiveId" clId="{E85F0181-7422-4B2E-957F-6C714760E859}" dt="2024-08-17T08:39:29.755" v="232" actId="478"/>
          <ac:spMkLst>
            <pc:docMk/>
            <pc:sldMk cId="3214968650" sldId="282"/>
            <ac:spMk id="5" creationId="{9F3381DC-ECD1-4EC2-E8E6-7198A3B11914}"/>
          </ac:spMkLst>
        </pc:spChg>
        <pc:spChg chg="add mod">
          <ac:chgData name="유경 김" userId="3901b46e510d3c7f" providerId="LiveId" clId="{E85F0181-7422-4B2E-957F-6C714760E859}" dt="2024-08-17T08:39:24.897" v="231"/>
          <ac:spMkLst>
            <pc:docMk/>
            <pc:sldMk cId="3214968650" sldId="282"/>
            <ac:spMk id="8" creationId="{E2A782D8-DD51-5DA2-AEB8-4EB804A77FC9}"/>
          </ac:spMkLst>
        </pc:spChg>
        <pc:spChg chg="add mod">
          <ac:chgData name="유경 김" userId="3901b46e510d3c7f" providerId="LiveId" clId="{E85F0181-7422-4B2E-957F-6C714760E859}" dt="2024-08-17T08:39:35.939" v="236" actId="20577"/>
          <ac:spMkLst>
            <pc:docMk/>
            <pc:sldMk cId="3214968650" sldId="282"/>
            <ac:spMk id="9" creationId="{DBB52063-2D7A-5473-2677-F31FD3B5AAEC}"/>
          </ac:spMkLst>
        </pc:spChg>
        <pc:spChg chg="add mod">
          <ac:chgData name="유경 김" userId="3901b46e510d3c7f" providerId="LiveId" clId="{E85F0181-7422-4B2E-957F-6C714760E859}" dt="2024-08-18T09:45:24.615" v="3531" actId="20577"/>
          <ac:spMkLst>
            <pc:docMk/>
            <pc:sldMk cId="3214968650" sldId="282"/>
            <ac:spMk id="10" creationId="{CD56CD5F-723C-8245-5F9D-054052639713}"/>
          </ac:spMkLst>
        </pc:spChg>
        <pc:spChg chg="add mod">
          <ac:chgData name="유경 김" userId="3901b46e510d3c7f" providerId="LiveId" clId="{E85F0181-7422-4B2E-957F-6C714760E859}" dt="2024-08-17T08:53:56.671" v="1855" actId="1076"/>
          <ac:spMkLst>
            <pc:docMk/>
            <pc:sldMk cId="3214968650" sldId="282"/>
            <ac:spMk id="11" creationId="{214B2453-3746-84EE-CD3E-D2FBD6D05019}"/>
          </ac:spMkLst>
        </pc:spChg>
        <pc:spChg chg="add del mod">
          <ac:chgData name="유경 김" userId="3901b46e510d3c7f" providerId="LiveId" clId="{E85F0181-7422-4B2E-957F-6C714760E859}" dt="2024-08-20T01:59:49.958" v="3920" actId="478"/>
          <ac:spMkLst>
            <pc:docMk/>
            <pc:sldMk cId="3214968650" sldId="282"/>
            <ac:spMk id="12" creationId="{C0E259F5-E6A7-95B2-02D7-85DE75378736}"/>
          </ac:spMkLst>
        </pc:spChg>
        <pc:spChg chg="add del mod">
          <ac:chgData name="유경 김" userId="3901b46e510d3c7f" providerId="LiveId" clId="{E85F0181-7422-4B2E-957F-6C714760E859}" dt="2024-08-20T02:00:00.765" v="3924" actId="478"/>
          <ac:spMkLst>
            <pc:docMk/>
            <pc:sldMk cId="3214968650" sldId="282"/>
            <ac:spMk id="13" creationId="{8932C206-F42B-4B8D-B30C-A1CBA55F395D}"/>
          </ac:spMkLst>
        </pc:spChg>
        <pc:spChg chg="add del mod">
          <ac:chgData name="유경 김" userId="3901b46e510d3c7f" providerId="LiveId" clId="{E85F0181-7422-4B2E-957F-6C714760E859}" dt="2024-08-20T02:00:01.639" v="3925" actId="478"/>
          <ac:spMkLst>
            <pc:docMk/>
            <pc:sldMk cId="3214968650" sldId="282"/>
            <ac:spMk id="14" creationId="{191A95E8-80E2-8C7F-3B6B-6BA4383B9CE7}"/>
          </ac:spMkLst>
        </pc:spChg>
        <pc:picChg chg="add mod">
          <ac:chgData name="유경 김" userId="3901b46e510d3c7f" providerId="LiveId" clId="{E85F0181-7422-4B2E-957F-6C714760E859}" dt="2024-08-20T02:00:10.292" v="3926" actId="1076"/>
          <ac:picMkLst>
            <pc:docMk/>
            <pc:sldMk cId="3214968650" sldId="282"/>
            <ac:picMk id="7" creationId="{C3ECB432-7D1D-C364-77FB-F1D13958814B}"/>
          </ac:picMkLst>
        </pc:picChg>
        <pc:picChg chg="del">
          <ac:chgData name="유경 김" userId="3901b46e510d3c7f" providerId="LiveId" clId="{E85F0181-7422-4B2E-957F-6C714760E859}" dt="2024-08-17T08:39:07.351" v="228" actId="21"/>
          <ac:picMkLst>
            <pc:docMk/>
            <pc:sldMk cId="3214968650" sldId="282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20T02:21:22.364" v="3932" actId="14100"/>
          <ac:picMkLst>
            <pc:docMk/>
            <pc:sldMk cId="3214968650" sldId="282"/>
            <ac:picMk id="15" creationId="{C7DC35A8-C939-08E4-9961-12240C3B6283}"/>
          </ac:picMkLst>
        </pc:picChg>
      </pc:sldChg>
      <pc:sldChg chg="add del setBg">
        <pc:chgData name="유경 김" userId="3901b46e510d3c7f" providerId="LiveId" clId="{E85F0181-7422-4B2E-957F-6C714760E859}" dt="2024-08-18T09:29:58.387" v="3188" actId="2696"/>
        <pc:sldMkLst>
          <pc:docMk/>
          <pc:sldMk cId="1525464947" sldId="283"/>
        </pc:sldMkLst>
      </pc:sldChg>
      <pc:sldChg chg="addSp delSp modSp add mod ord">
        <pc:chgData name="유경 김" userId="3901b46e510d3c7f" providerId="LiveId" clId="{E85F0181-7422-4B2E-957F-6C714760E859}" dt="2024-08-18T10:01:20.828" v="3850" actId="1076"/>
        <pc:sldMkLst>
          <pc:docMk/>
          <pc:sldMk cId="3818310619" sldId="283"/>
        </pc:sldMkLst>
        <pc:spChg chg="mod">
          <ac:chgData name="유경 김" userId="3901b46e510d3c7f" providerId="LiveId" clId="{E85F0181-7422-4B2E-957F-6C714760E859}" dt="2024-08-18T09:58:43.407" v="3806" actId="208"/>
          <ac:spMkLst>
            <pc:docMk/>
            <pc:sldMk cId="3818310619" sldId="283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8T10:01:20.828" v="3850" actId="1076"/>
          <ac:spMkLst>
            <pc:docMk/>
            <pc:sldMk cId="3818310619" sldId="283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18T09:30:06.410" v="3190" actId="478"/>
          <ac:spMkLst>
            <pc:docMk/>
            <pc:sldMk cId="3818310619" sldId="283"/>
            <ac:spMk id="5" creationId="{7C6B84BC-E7E8-4762-8304-50BA378EFDC4}"/>
          </ac:spMkLst>
        </pc:spChg>
        <pc:spChg chg="mod">
          <ac:chgData name="유경 김" userId="3901b46e510d3c7f" providerId="LiveId" clId="{E85F0181-7422-4B2E-957F-6C714760E859}" dt="2024-08-18T09:30:21.913" v="3204" actId="20577"/>
          <ac:spMkLst>
            <pc:docMk/>
            <pc:sldMk cId="3818310619" sldId="283"/>
            <ac:spMk id="7" creationId="{B0E65993-AD8C-7004-4805-368BFD1C5848}"/>
          </ac:spMkLst>
        </pc:spChg>
        <pc:spChg chg="add mod">
          <ac:chgData name="유경 김" userId="3901b46e510d3c7f" providerId="LiveId" clId="{E85F0181-7422-4B2E-957F-6C714760E859}" dt="2024-08-18T09:39:25.277" v="3348" actId="1076"/>
          <ac:spMkLst>
            <pc:docMk/>
            <pc:sldMk cId="3818310619" sldId="283"/>
            <ac:spMk id="11" creationId="{0306F5ED-E63A-9B2E-241D-4F22774926A2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2" creationId="{92F31D7F-DD91-C115-AB92-ABC7A6278749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3" creationId="{B3D48C1D-7880-35EF-F69F-085267A3777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6" creationId="{1C47F87E-3973-0370-584C-2654302F539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7" creationId="{6284005E-CA0E-3E15-50E5-AEE3E2DD3069}"/>
          </ac:spMkLst>
        </pc:spChg>
        <pc:spChg chg="add mod">
          <ac:chgData name="유경 김" userId="3901b46e510d3c7f" providerId="LiveId" clId="{E85F0181-7422-4B2E-957F-6C714760E859}" dt="2024-08-18T09:37:17.687" v="3305" actId="1076"/>
          <ac:spMkLst>
            <pc:docMk/>
            <pc:sldMk cId="3818310619" sldId="283"/>
            <ac:spMk id="18" creationId="{911EA348-2447-C365-4FB3-5ED10F133E77}"/>
          </ac:spMkLst>
        </pc:spChg>
        <pc:spChg chg="add mod">
          <ac:chgData name="유경 김" userId="3901b46e510d3c7f" providerId="LiveId" clId="{E85F0181-7422-4B2E-957F-6C714760E859}" dt="2024-08-18T09:39:16.124" v="3342" actId="1076"/>
          <ac:spMkLst>
            <pc:docMk/>
            <pc:sldMk cId="3818310619" sldId="283"/>
            <ac:spMk id="19" creationId="{FDA28358-4C3F-EDC4-5C0A-600B7E5FC19B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5" creationId="{258F9419-4304-D232-C749-3244FBCC231C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6" creationId="{F85FD8DA-2DC3-68C4-9BFE-33AC3971FE49}"/>
          </ac:spMkLst>
        </pc:spChg>
        <pc:spChg chg="add mod">
          <ac:chgData name="유경 김" userId="3901b46e510d3c7f" providerId="LiveId" clId="{E85F0181-7422-4B2E-957F-6C714760E859}" dt="2024-08-18T09:37:36.789" v="3322" actId="1076"/>
          <ac:spMkLst>
            <pc:docMk/>
            <pc:sldMk cId="3818310619" sldId="283"/>
            <ac:spMk id="27" creationId="{9EAFCD16-C172-2B42-894E-F0C45E607484}"/>
          </ac:spMkLst>
        </pc:spChg>
        <pc:spChg chg="add mod">
          <ac:chgData name="유경 김" userId="3901b46e510d3c7f" providerId="LiveId" clId="{E85F0181-7422-4B2E-957F-6C714760E859}" dt="2024-08-18T09:38:06.373" v="3334" actId="20577"/>
          <ac:spMkLst>
            <pc:docMk/>
            <pc:sldMk cId="3818310619" sldId="283"/>
            <ac:spMk id="28" creationId="{0DBE586A-1D74-7E68-88D4-CB2C4721771F}"/>
          </ac:spMkLst>
        </pc:spChg>
        <pc:spChg chg="add mod">
          <ac:chgData name="유경 김" userId="3901b46e510d3c7f" providerId="LiveId" clId="{E85F0181-7422-4B2E-957F-6C714760E859}" dt="2024-08-18T09:40:31.704" v="3401" actId="1076"/>
          <ac:spMkLst>
            <pc:docMk/>
            <pc:sldMk cId="3818310619" sldId="283"/>
            <ac:spMk id="34" creationId="{68282381-9992-0D3D-013C-C10D41B9C315}"/>
          </ac:spMkLst>
        </pc:spChg>
        <pc:spChg chg="add mod">
          <ac:chgData name="유경 김" userId="3901b46e510d3c7f" providerId="LiveId" clId="{E85F0181-7422-4B2E-957F-6C714760E859}" dt="2024-08-18T09:40:39.058" v="3404" actId="1076"/>
          <ac:spMkLst>
            <pc:docMk/>
            <pc:sldMk cId="3818310619" sldId="283"/>
            <ac:spMk id="35" creationId="{9083217E-904E-953F-A19F-9A71F43B45F6}"/>
          </ac:spMkLst>
        </pc:spChg>
        <pc:spChg chg="add mod">
          <ac:chgData name="유경 김" userId="3901b46e510d3c7f" providerId="LiveId" clId="{E85F0181-7422-4B2E-957F-6C714760E859}" dt="2024-08-18T09:46:51.446" v="3587" actId="1076"/>
          <ac:spMkLst>
            <pc:docMk/>
            <pc:sldMk cId="3818310619" sldId="283"/>
            <ac:spMk id="42" creationId="{2978499E-7C1A-4196-DFEE-40AF9611B517}"/>
          </ac:spMkLst>
        </pc:spChg>
        <pc:spChg chg="add del mod">
          <ac:chgData name="유경 김" userId="3901b46e510d3c7f" providerId="LiveId" clId="{E85F0181-7422-4B2E-957F-6C714760E859}" dt="2024-08-18T09:46:07.464" v="3555" actId="478"/>
          <ac:spMkLst>
            <pc:docMk/>
            <pc:sldMk cId="3818310619" sldId="283"/>
            <ac:spMk id="43" creationId="{3C2350F1-2002-9398-DF13-B78F01690AFD}"/>
          </ac:spMkLst>
        </pc:spChg>
        <pc:spChg chg="add del mod">
          <ac:chgData name="유경 김" userId="3901b46e510d3c7f" providerId="LiveId" clId="{E85F0181-7422-4B2E-957F-6C714760E859}" dt="2024-08-18T09:46:06.355" v="3554" actId="478"/>
          <ac:spMkLst>
            <pc:docMk/>
            <pc:sldMk cId="3818310619" sldId="283"/>
            <ac:spMk id="44" creationId="{1B5EBB0F-9ED1-5D02-0027-55AB30D79D63}"/>
          </ac:spMkLst>
        </pc:spChg>
        <pc:spChg chg="add mod">
          <ac:chgData name="유경 김" userId="3901b46e510d3c7f" providerId="LiveId" clId="{E85F0181-7422-4B2E-957F-6C714760E859}" dt="2024-08-18T09:47:28.903" v="3605" actId="20577"/>
          <ac:spMkLst>
            <pc:docMk/>
            <pc:sldMk cId="3818310619" sldId="283"/>
            <ac:spMk id="50" creationId="{7F529BAA-9108-3285-913B-C35C3D8A4A04}"/>
          </ac:spMkLst>
        </pc:spChg>
        <pc:spChg chg="add mod">
          <ac:chgData name="유경 김" userId="3901b46e510d3c7f" providerId="LiveId" clId="{E85F0181-7422-4B2E-957F-6C714760E859}" dt="2024-08-18T09:49:57.453" v="3649" actId="14100"/>
          <ac:spMkLst>
            <pc:docMk/>
            <pc:sldMk cId="3818310619" sldId="283"/>
            <ac:spMk id="63" creationId="{EEC493D9-F823-EBD4-2612-B30EED9D0EE9}"/>
          </ac:spMkLst>
        </pc:spChg>
        <pc:spChg chg="add mod">
          <ac:chgData name="유경 김" userId="3901b46e510d3c7f" providerId="LiveId" clId="{E85F0181-7422-4B2E-957F-6C714760E859}" dt="2024-08-18T09:51:30.437" v="3690" actId="1076"/>
          <ac:spMkLst>
            <pc:docMk/>
            <pc:sldMk cId="3818310619" sldId="283"/>
            <ac:spMk id="67" creationId="{49301098-2250-83D9-B43E-D46CBBD71F24}"/>
          </ac:spMkLst>
        </pc:spChg>
        <pc:spChg chg="add mod">
          <ac:chgData name="유경 김" userId="3901b46e510d3c7f" providerId="LiveId" clId="{E85F0181-7422-4B2E-957F-6C714760E859}" dt="2024-08-18T09:51:32.740" v="3691" actId="1076"/>
          <ac:spMkLst>
            <pc:docMk/>
            <pc:sldMk cId="3818310619" sldId="283"/>
            <ac:spMk id="68" creationId="{3D6169FF-8B20-C024-85D7-6598B0C46F7A}"/>
          </ac:spMkLst>
        </pc:spChg>
        <pc:spChg chg="add mod">
          <ac:chgData name="유경 김" userId="3901b46e510d3c7f" providerId="LiveId" clId="{E85F0181-7422-4B2E-957F-6C714760E859}" dt="2024-08-18T09:51:35.713" v="3692" actId="1076"/>
          <ac:spMkLst>
            <pc:docMk/>
            <pc:sldMk cId="3818310619" sldId="283"/>
            <ac:spMk id="69" creationId="{E07D8024-2FE8-D689-CACB-BD5BB0CF84EC}"/>
          </ac:spMkLst>
        </pc:spChg>
        <pc:spChg chg="add del mod">
          <ac:chgData name="유경 김" userId="3901b46e510d3c7f" providerId="LiveId" clId="{E85F0181-7422-4B2E-957F-6C714760E859}" dt="2024-08-18T09:53:07.473" v="3704" actId="21"/>
          <ac:spMkLst>
            <pc:docMk/>
            <pc:sldMk cId="3818310619" sldId="283"/>
            <ac:spMk id="76" creationId="{7C880BBE-9C5F-3ECA-4B55-D3C936ADA146}"/>
          </ac:spMkLst>
        </pc:spChg>
        <pc:spChg chg="add del mod">
          <ac:chgData name="유경 김" userId="3901b46e510d3c7f" providerId="LiveId" clId="{E85F0181-7422-4B2E-957F-6C714760E859}" dt="2024-08-18T09:53:06.624" v="3703" actId="21"/>
          <ac:spMkLst>
            <pc:docMk/>
            <pc:sldMk cId="3818310619" sldId="283"/>
            <ac:spMk id="77" creationId="{508EA9F0-A58A-749E-09BD-F9499A2F0AF2}"/>
          </ac:spMkLst>
        </pc:spChg>
        <pc:spChg chg="add mod">
          <ac:chgData name="유경 김" userId="3901b46e510d3c7f" providerId="LiveId" clId="{E85F0181-7422-4B2E-957F-6C714760E859}" dt="2024-08-18T09:56:19.355" v="3782" actId="1076"/>
          <ac:spMkLst>
            <pc:docMk/>
            <pc:sldMk cId="3818310619" sldId="283"/>
            <ac:spMk id="86" creationId="{95E9D3F5-66BA-4E2B-A186-7D9F1E54102F}"/>
          </ac:spMkLst>
        </pc:spChg>
        <pc:spChg chg="add mod">
          <ac:chgData name="유경 김" userId="3901b46e510d3c7f" providerId="LiveId" clId="{E85F0181-7422-4B2E-957F-6C714760E859}" dt="2024-08-18T09:56:09.276" v="3780" actId="1076"/>
          <ac:spMkLst>
            <pc:docMk/>
            <pc:sldMk cId="3818310619" sldId="283"/>
            <ac:spMk id="87" creationId="{9E48F37C-1D18-47D4-4776-73421AA132A1}"/>
          </ac:spMkLst>
        </pc:spChg>
        <pc:spChg chg="add mod">
          <ac:chgData name="유경 김" userId="3901b46e510d3c7f" providerId="LiveId" clId="{E85F0181-7422-4B2E-957F-6C714760E859}" dt="2024-08-18T09:56:29.667" v="3785" actId="1076"/>
          <ac:spMkLst>
            <pc:docMk/>
            <pc:sldMk cId="3818310619" sldId="283"/>
            <ac:spMk id="88" creationId="{9A28ECD4-E7A9-592B-170B-1AA39CB40A8C}"/>
          </ac:spMkLst>
        </pc:spChg>
        <pc:spChg chg="add mod">
          <ac:chgData name="유경 김" userId="3901b46e510d3c7f" providerId="LiveId" clId="{E85F0181-7422-4B2E-957F-6C714760E859}" dt="2024-08-18T09:58:28.943" v="3803" actId="20577"/>
          <ac:spMkLst>
            <pc:docMk/>
            <pc:sldMk cId="3818310619" sldId="283"/>
            <ac:spMk id="96" creationId="{18CE4542-406B-1C08-F22A-A43BB3A6D544}"/>
          </ac:spMkLst>
        </pc:spChg>
        <pc:spChg chg="add mod">
          <ac:chgData name="유경 김" userId="3901b46e510d3c7f" providerId="LiveId" clId="{E85F0181-7422-4B2E-957F-6C714760E859}" dt="2024-08-18T10:00:41.423" v="3844" actId="1076"/>
          <ac:spMkLst>
            <pc:docMk/>
            <pc:sldMk cId="3818310619" sldId="283"/>
            <ac:spMk id="104" creationId="{00F5FC30-58EA-EB02-AA7D-C1F8C23C1BB7}"/>
          </ac:spMkLst>
        </pc:spChg>
        <pc:grpChg chg="add mod">
          <ac:chgData name="유경 김" userId="3901b46e510d3c7f" providerId="LiveId" clId="{E85F0181-7422-4B2E-957F-6C714760E859}" dt="2024-08-18T09:37:20.823" v="3306" actId="1076"/>
          <ac:grpSpMkLst>
            <pc:docMk/>
            <pc:sldMk cId="3818310619" sldId="283"/>
            <ac:grpSpMk id="14" creationId="{A0403E73-3727-5AAE-819F-D10F8CDB70E9}"/>
          </ac:grpSpMkLst>
        </pc:grpChg>
        <pc:grpChg chg="add mod">
          <ac:chgData name="유경 김" userId="3901b46e510d3c7f" providerId="LiveId" clId="{E85F0181-7422-4B2E-957F-6C714760E859}" dt="2024-08-18T09:39:11.624" v="3341" actId="1076"/>
          <ac:grpSpMkLst>
            <pc:docMk/>
            <pc:sldMk cId="3818310619" sldId="283"/>
            <ac:grpSpMk id="15" creationId="{C08E0F67-14E2-AC0B-468C-0D6AEDAE2564}"/>
          </ac:grpSpMkLst>
        </pc:grpChg>
        <pc:grpChg chg="add mod">
          <ac:chgData name="유경 김" userId="3901b46e510d3c7f" providerId="LiveId" clId="{E85F0181-7422-4B2E-957F-6C714760E859}" dt="2024-08-18T09:37:24.765" v="3308" actId="1076"/>
          <ac:grpSpMkLst>
            <pc:docMk/>
            <pc:sldMk cId="3818310619" sldId="283"/>
            <ac:grpSpMk id="24" creationId="{33858CD4-2C27-3460-6E5E-4E35A6533167}"/>
          </ac:grpSpMkLst>
        </pc:grpChg>
        <pc:picChg chg="del">
          <ac:chgData name="유경 김" userId="3901b46e510d3c7f" providerId="LiveId" clId="{E85F0181-7422-4B2E-957F-6C714760E859}" dt="2024-08-18T09:30:28.587" v="3205" actId="21"/>
          <ac:picMkLst>
            <pc:docMk/>
            <pc:sldMk cId="3818310619" sldId="283"/>
            <ac:picMk id="8" creationId="{E1101E89-C829-89A7-CC3C-8F62CEAFA099}"/>
          </ac:picMkLst>
        </pc:picChg>
        <pc:picChg chg="add del mod modCrop">
          <ac:chgData name="유경 김" userId="3901b46e510d3c7f" providerId="LiveId" clId="{E85F0181-7422-4B2E-957F-6C714760E859}" dt="2024-08-18T09:32:32.898" v="3221" actId="21"/>
          <ac:picMkLst>
            <pc:docMk/>
            <pc:sldMk cId="3818310619" sldId="283"/>
            <ac:picMk id="10" creationId="{F4AE69B0-740F-C80A-B749-4CACC609A44A}"/>
          </ac:picMkLst>
        </pc:picChg>
        <pc:cxnChg chg="add mod">
          <ac:chgData name="유경 김" userId="3901b46e510d3c7f" providerId="LiveId" clId="{E85F0181-7422-4B2E-957F-6C714760E859}" dt="2024-08-18T09:39:22.508" v="3347" actId="1037"/>
          <ac:cxnSpMkLst>
            <pc:docMk/>
            <pc:sldMk cId="3818310619" sldId="283"/>
            <ac:cxnSpMk id="21" creationId="{FFF30CDE-B2DA-4990-CC7A-334A37A51146}"/>
          </ac:cxnSpMkLst>
        </pc:cxnChg>
        <pc:cxnChg chg="add mod">
          <ac:chgData name="유경 김" userId="3901b46e510d3c7f" providerId="LiveId" clId="{E85F0181-7422-4B2E-957F-6C714760E859}" dt="2024-08-18T09:38:42.674" v="3336" actId="208"/>
          <ac:cxnSpMkLst>
            <pc:docMk/>
            <pc:sldMk cId="3818310619" sldId="283"/>
            <ac:cxnSpMk id="30" creationId="{4A1A7406-62FF-9FF1-743D-976055E3859E}"/>
          </ac:cxnSpMkLst>
        </pc:cxnChg>
        <pc:cxnChg chg="add mod">
          <ac:chgData name="유경 김" userId="3901b46e510d3c7f" providerId="LiveId" clId="{E85F0181-7422-4B2E-957F-6C714760E859}" dt="2024-08-18T09:38:55.232" v="3340" actId="14100"/>
          <ac:cxnSpMkLst>
            <pc:docMk/>
            <pc:sldMk cId="3818310619" sldId="283"/>
            <ac:cxnSpMk id="31" creationId="{0D1A6A10-6E5F-6A98-58BF-14A8EAE41AAF}"/>
          </ac:cxnSpMkLst>
        </pc:cxnChg>
        <pc:cxnChg chg="add mod">
          <ac:chgData name="유경 김" userId="3901b46e510d3c7f" providerId="LiveId" clId="{E85F0181-7422-4B2E-957F-6C714760E859}" dt="2024-08-18T09:40:56.911" v="3409" actId="208"/>
          <ac:cxnSpMkLst>
            <pc:docMk/>
            <pc:sldMk cId="3818310619" sldId="283"/>
            <ac:cxnSpMk id="37" creationId="{D386D79A-56CB-F28E-1536-D0DDAE6FFF6F}"/>
          </ac:cxnSpMkLst>
        </pc:cxnChg>
        <pc:cxnChg chg="add mod">
          <ac:chgData name="유경 김" userId="3901b46e510d3c7f" providerId="LiveId" clId="{E85F0181-7422-4B2E-957F-6C714760E859}" dt="2024-08-18T09:41:00.941" v="3410" actId="208"/>
          <ac:cxnSpMkLst>
            <pc:docMk/>
            <pc:sldMk cId="3818310619" sldId="283"/>
            <ac:cxnSpMk id="39" creationId="{9EB995C5-9B7E-902B-4D2B-93AF0C7CCFFD}"/>
          </ac:cxnSpMkLst>
        </pc:cxnChg>
        <pc:cxnChg chg="add mod">
          <ac:chgData name="유경 김" userId="3901b46e510d3c7f" providerId="LiveId" clId="{E85F0181-7422-4B2E-957F-6C714760E859}" dt="2024-08-18T09:46:51.446" v="3587" actId="1076"/>
          <ac:cxnSpMkLst>
            <pc:docMk/>
            <pc:sldMk cId="3818310619" sldId="283"/>
            <ac:cxnSpMk id="45" creationId="{367FBC29-DE6C-581F-88FD-A81E1CDC9388}"/>
          </ac:cxnSpMkLst>
        </pc:cxnChg>
        <pc:cxnChg chg="add mod">
          <ac:chgData name="유경 김" userId="3901b46e510d3c7f" providerId="LiveId" clId="{E85F0181-7422-4B2E-957F-6C714760E859}" dt="2024-08-18T09:47:44.272" v="3610" actId="14100"/>
          <ac:cxnSpMkLst>
            <pc:docMk/>
            <pc:sldMk cId="3818310619" sldId="283"/>
            <ac:cxnSpMk id="51" creationId="{4B716029-E5D7-A275-9C79-429EBA71F5CF}"/>
          </ac:cxnSpMkLst>
        </pc:cxnChg>
        <pc:cxnChg chg="add del mod">
          <ac:chgData name="유경 김" userId="3901b46e510d3c7f" providerId="LiveId" clId="{E85F0181-7422-4B2E-957F-6C714760E859}" dt="2024-08-18T09:59:48.692" v="3818" actId="14100"/>
          <ac:cxnSpMkLst>
            <pc:docMk/>
            <pc:sldMk cId="3818310619" sldId="283"/>
            <ac:cxnSpMk id="55" creationId="{5EAAC783-E6CC-CE99-4E33-D2FD50EA97FC}"/>
          </ac:cxnSpMkLst>
        </pc:cxnChg>
        <pc:cxnChg chg="add mod">
          <ac:chgData name="유경 김" userId="3901b46e510d3c7f" providerId="LiveId" clId="{E85F0181-7422-4B2E-957F-6C714760E859}" dt="2024-08-18T09:48:08.523" v="3619" actId="14100"/>
          <ac:cxnSpMkLst>
            <pc:docMk/>
            <pc:sldMk cId="3818310619" sldId="283"/>
            <ac:cxnSpMk id="58" creationId="{462BAE9E-5C14-18A4-BD22-A1C3B5586520}"/>
          </ac:cxnSpMkLst>
        </pc:cxnChg>
        <pc:cxnChg chg="add mod">
          <ac:chgData name="유경 김" userId="3901b46e510d3c7f" providerId="LiveId" clId="{E85F0181-7422-4B2E-957F-6C714760E859}" dt="2024-08-18T09:49:57.453" v="3649" actId="14100"/>
          <ac:cxnSpMkLst>
            <pc:docMk/>
            <pc:sldMk cId="3818310619" sldId="283"/>
            <ac:cxnSpMk id="62" creationId="{ADC68738-57B2-92A3-1B33-15B365C61B21}"/>
          </ac:cxnSpMkLst>
        </pc:cxnChg>
        <pc:cxnChg chg="add mod">
          <ac:chgData name="유경 김" userId="3901b46e510d3c7f" providerId="LiveId" clId="{E85F0181-7422-4B2E-957F-6C714760E859}" dt="2024-08-18T09:52:15.289" v="3698" actId="208"/>
          <ac:cxnSpMkLst>
            <pc:docMk/>
            <pc:sldMk cId="3818310619" sldId="283"/>
            <ac:cxnSpMk id="71" creationId="{387E3D1E-0B5B-B569-425C-88C6D281D9FC}"/>
          </ac:cxnSpMkLst>
        </pc:cxnChg>
        <pc:cxnChg chg="add mod">
          <ac:chgData name="유경 김" userId="3901b46e510d3c7f" providerId="LiveId" clId="{E85F0181-7422-4B2E-957F-6C714760E859}" dt="2024-08-18T09:52:12.356" v="3697" actId="208"/>
          <ac:cxnSpMkLst>
            <pc:docMk/>
            <pc:sldMk cId="3818310619" sldId="283"/>
            <ac:cxnSpMk id="73" creationId="{4A800C6E-82E3-EFAE-FE61-F287A3CD7BB4}"/>
          </ac:cxnSpMkLst>
        </pc:cxnChg>
        <pc:cxnChg chg="add mod">
          <ac:chgData name="유경 김" userId="3901b46e510d3c7f" providerId="LiveId" clId="{E85F0181-7422-4B2E-957F-6C714760E859}" dt="2024-08-18T09:52:08.332" v="3696" actId="208"/>
          <ac:cxnSpMkLst>
            <pc:docMk/>
            <pc:sldMk cId="3818310619" sldId="283"/>
            <ac:cxnSpMk id="75" creationId="{028213FC-D5B4-928A-9DEE-9C2A4C930FFD}"/>
          </ac:cxnSpMkLst>
        </pc:cxnChg>
        <pc:cxnChg chg="add mod">
          <ac:chgData name="유경 김" userId="3901b46e510d3c7f" providerId="LiveId" clId="{E85F0181-7422-4B2E-957F-6C714760E859}" dt="2024-08-18T09:59:17.545" v="3812" actId="14100"/>
          <ac:cxnSpMkLst>
            <pc:docMk/>
            <pc:sldMk cId="3818310619" sldId="283"/>
            <ac:cxnSpMk id="79" creationId="{275B6FF6-A621-9D9F-2BA6-3E63E9595BEF}"/>
          </ac:cxnSpMkLst>
        </pc:cxnChg>
        <pc:cxnChg chg="add mod">
          <ac:chgData name="유경 김" userId="3901b46e510d3c7f" providerId="LiveId" clId="{E85F0181-7422-4B2E-957F-6C714760E859}" dt="2024-08-18T09:57:01.430" v="3790" actId="208"/>
          <ac:cxnSpMkLst>
            <pc:docMk/>
            <pc:sldMk cId="3818310619" sldId="283"/>
            <ac:cxnSpMk id="90" creationId="{B7232F16-D854-0539-350B-C9595F0AD119}"/>
          </ac:cxnSpMkLst>
        </pc:cxnChg>
        <pc:cxnChg chg="add mod">
          <ac:chgData name="유경 김" userId="3901b46e510d3c7f" providerId="LiveId" clId="{E85F0181-7422-4B2E-957F-6C714760E859}" dt="2024-08-18T09:57:05.659" v="3791" actId="208"/>
          <ac:cxnSpMkLst>
            <pc:docMk/>
            <pc:sldMk cId="3818310619" sldId="283"/>
            <ac:cxnSpMk id="92" creationId="{49FB7EA8-1F3B-20C4-18F2-405965C32188}"/>
          </ac:cxnSpMkLst>
        </pc:cxnChg>
        <pc:cxnChg chg="add mod">
          <ac:chgData name="유경 김" userId="3901b46e510d3c7f" providerId="LiveId" clId="{E85F0181-7422-4B2E-957F-6C714760E859}" dt="2024-08-18T09:57:09.227" v="3792" actId="208"/>
          <ac:cxnSpMkLst>
            <pc:docMk/>
            <pc:sldMk cId="3818310619" sldId="283"/>
            <ac:cxnSpMk id="94" creationId="{B19212D4-3CCD-E384-4FB1-14D324215DF3}"/>
          </ac:cxnSpMkLst>
        </pc:cxnChg>
        <pc:cxnChg chg="add mod">
          <ac:chgData name="유경 김" userId="3901b46e510d3c7f" providerId="LiveId" clId="{E85F0181-7422-4B2E-957F-6C714760E859}" dt="2024-08-18T09:58:48.580" v="3807" actId="208"/>
          <ac:cxnSpMkLst>
            <pc:docMk/>
            <pc:sldMk cId="3818310619" sldId="283"/>
            <ac:cxnSpMk id="98" creationId="{12A00541-1122-B924-6451-2D95B9681145}"/>
          </ac:cxnSpMkLst>
        </pc:cxnChg>
        <pc:cxnChg chg="add mod">
          <ac:chgData name="유경 김" userId="3901b46e510d3c7f" providerId="LiveId" clId="{E85F0181-7422-4B2E-957F-6C714760E859}" dt="2024-08-18T10:00:50.997" v="3846" actId="208"/>
          <ac:cxnSpMkLst>
            <pc:docMk/>
            <pc:sldMk cId="3818310619" sldId="283"/>
            <ac:cxnSpMk id="106" creationId="{B6E50394-0761-18CE-8213-4F80E1ED2B1E}"/>
          </ac:cxnSpMkLst>
        </pc:cxnChg>
      </pc:sldChg>
      <pc:sldChg chg="addSp delSp modSp add mod ord">
        <pc:chgData name="유경 김" userId="3901b46e510d3c7f" providerId="LiveId" clId="{E85F0181-7422-4B2E-957F-6C714760E859}" dt="2024-08-18T10:08:57.037" v="3902" actId="14100"/>
        <pc:sldMkLst>
          <pc:docMk/>
          <pc:sldMk cId="4114613566" sldId="284"/>
        </pc:sldMkLst>
        <pc:spChg chg="mod">
          <ac:chgData name="유경 김" userId="3901b46e510d3c7f" providerId="LiveId" clId="{E85F0181-7422-4B2E-957F-6C714760E859}" dt="2024-08-18T10:01:50.753" v="3858" actId="20577"/>
          <ac:spMkLst>
            <pc:docMk/>
            <pc:sldMk cId="4114613566" sldId="28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8T10:01:42.617" v="3854"/>
          <ac:spMkLst>
            <pc:docMk/>
            <pc:sldMk cId="4114613566" sldId="284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8T10:02:05.569" v="3872" actId="20577"/>
          <ac:spMkLst>
            <pc:docMk/>
            <pc:sldMk cId="4114613566" sldId="284"/>
            <ac:spMk id="7" creationId="{8483C27B-FA66-CFB8-D5D8-320813B16FCC}"/>
          </ac:spMkLst>
        </pc:spChg>
        <pc:spChg chg="add del mod">
          <ac:chgData name="유경 김" userId="3901b46e510d3c7f" providerId="LiveId" clId="{E85F0181-7422-4B2E-957F-6C714760E859}" dt="2024-08-18T10:06:11.028" v="3885" actId="21"/>
          <ac:spMkLst>
            <pc:docMk/>
            <pc:sldMk cId="4114613566" sldId="284"/>
            <ac:spMk id="10" creationId="{A81D9A64-A65B-9116-ADA1-187248394B22}"/>
          </ac:spMkLst>
        </pc:spChg>
        <pc:picChg chg="add del mod">
          <ac:chgData name="유경 김" userId="3901b46e510d3c7f" providerId="LiveId" clId="{E85F0181-7422-4B2E-957F-6C714760E859}" dt="2024-08-18T10:08:44.776" v="3897" actId="21"/>
          <ac:picMkLst>
            <pc:docMk/>
            <pc:sldMk cId="4114613566" sldId="284"/>
            <ac:picMk id="9" creationId="{D8CC2FBE-0D05-E4B2-7792-FE40426D3CF8}"/>
          </ac:picMkLst>
        </pc:picChg>
        <pc:picChg chg="add del mod">
          <ac:chgData name="유경 김" userId="3901b46e510d3c7f" providerId="LiveId" clId="{E85F0181-7422-4B2E-957F-6C714760E859}" dt="2024-08-18T10:07:37.695" v="3894" actId="21"/>
          <ac:picMkLst>
            <pc:docMk/>
            <pc:sldMk cId="4114613566" sldId="284"/>
            <ac:picMk id="12" creationId="{3D1653A5-44EB-FBB3-F2EA-41CD77B9466F}"/>
          </ac:picMkLst>
        </pc:picChg>
        <pc:picChg chg="add mod">
          <ac:chgData name="유경 김" userId="3901b46e510d3c7f" providerId="LiveId" clId="{E85F0181-7422-4B2E-957F-6C714760E859}" dt="2024-08-18T10:08:57.037" v="3902" actId="14100"/>
          <ac:picMkLst>
            <pc:docMk/>
            <pc:sldMk cId="4114613566" sldId="284"/>
            <ac:picMk id="14" creationId="{57E7DFE4-205E-1107-1B64-A3F7621BCD23}"/>
          </ac:picMkLst>
        </pc:picChg>
        <pc:cxnChg chg="add mod">
          <ac:chgData name="유경 김" userId="3901b46e510d3c7f" providerId="LiveId" clId="{E85F0181-7422-4B2E-957F-6C714760E859}" dt="2024-08-18T10:01:48.309" v="3856"/>
          <ac:cxnSpMkLst>
            <pc:docMk/>
            <pc:sldMk cId="4114613566" sldId="284"/>
            <ac:cxnSpMk id="5" creationId="{84B47CAF-2801-2FC0-B1F0-313335F355E6}"/>
          </ac:cxnSpMkLst>
        </pc:cxnChg>
        <pc:cxnChg chg="del">
          <ac:chgData name="유경 김" userId="3901b46e510d3c7f" providerId="LiveId" clId="{E85F0181-7422-4B2E-957F-6C714760E859}" dt="2024-08-18T10:01:45.004" v="3855" actId="21"/>
          <ac:cxnSpMkLst>
            <pc:docMk/>
            <pc:sldMk cId="4114613566" sldId="284"/>
            <ac:cxnSpMk id="6" creationId="{11402835-398F-FB44-68ED-EC2F802BD562}"/>
          </ac:cxnSpMkLst>
        </pc:cxnChg>
      </pc:sldChg>
      <pc:sldChg chg="addSp modSp add">
        <pc:chgData name="유경 김" userId="3901b46e510d3c7f" providerId="LiveId" clId="{E85F0181-7422-4B2E-957F-6C714760E859}" dt="2024-08-20T02:37:36.957" v="4118"/>
        <pc:sldMkLst>
          <pc:docMk/>
          <pc:sldMk cId="308774356" sldId="285"/>
        </pc:sldMkLst>
        <pc:spChg chg="add mod">
          <ac:chgData name="유경 김" userId="3901b46e510d3c7f" providerId="LiveId" clId="{E85F0181-7422-4B2E-957F-6C714760E859}" dt="2024-08-20T02:37:30.869" v="4116"/>
          <ac:spMkLst>
            <pc:docMk/>
            <pc:sldMk cId="308774356" sldId="285"/>
            <ac:spMk id="5" creationId="{E1CAFFDE-AE6D-F055-0513-9B97105A76E8}"/>
          </ac:spMkLst>
        </pc:spChg>
        <pc:picChg chg="add mod">
          <ac:chgData name="유경 김" userId="3901b46e510d3c7f" providerId="LiveId" clId="{E85F0181-7422-4B2E-957F-6C714760E859}" dt="2024-08-20T02:37:34.614" v="4117"/>
          <ac:picMkLst>
            <pc:docMk/>
            <pc:sldMk cId="308774356" sldId="285"/>
            <ac:picMk id="6" creationId="{41C2ECAE-412C-B22D-825A-9D551473A3D3}"/>
          </ac:picMkLst>
        </pc:picChg>
        <pc:picChg chg="add mod">
          <ac:chgData name="유경 김" userId="3901b46e510d3c7f" providerId="LiveId" clId="{E85F0181-7422-4B2E-957F-6C714760E859}" dt="2024-08-20T02:37:36.957" v="4118"/>
          <ac:picMkLst>
            <pc:docMk/>
            <pc:sldMk cId="308774356" sldId="285"/>
            <ac:picMk id="7" creationId="{719759FF-6327-7F91-8FFB-3EFFB16546BB}"/>
          </ac:picMkLst>
        </pc:picChg>
      </pc:sldChg>
      <pc:sldChg chg="addSp delSp modSp add mod">
        <pc:chgData name="유경 김" userId="3901b46e510d3c7f" providerId="LiveId" clId="{E85F0181-7422-4B2E-957F-6C714760E859}" dt="2024-08-20T03:10:55.479" v="4934" actId="1076"/>
        <pc:sldMkLst>
          <pc:docMk/>
          <pc:sldMk cId="3019013217" sldId="286"/>
        </pc:sldMkLst>
        <pc:spChg chg="add mod">
          <ac:chgData name="유경 김" userId="3901b46e510d3c7f" providerId="LiveId" clId="{E85F0181-7422-4B2E-957F-6C714760E859}" dt="2024-08-20T02:38:52.136" v="4131" actId="20577"/>
          <ac:spMkLst>
            <pc:docMk/>
            <pc:sldMk cId="3019013217" sldId="286"/>
            <ac:spMk id="5" creationId="{1DBE6B84-18FF-3910-7034-4C6AE091AA0F}"/>
          </ac:spMkLst>
        </pc:spChg>
        <pc:picChg chg="add del mod">
          <ac:chgData name="유경 김" userId="3901b46e510d3c7f" providerId="LiveId" clId="{E85F0181-7422-4B2E-957F-6C714760E859}" dt="2024-08-20T03:10:38.534" v="4921" actId="478"/>
          <ac:picMkLst>
            <pc:docMk/>
            <pc:sldMk cId="3019013217" sldId="286"/>
            <ac:picMk id="7" creationId="{E3D530DE-25A6-504D-C893-9C73F6AA6B5A}"/>
          </ac:picMkLst>
        </pc:picChg>
        <pc:picChg chg="add mod modCrop">
          <ac:chgData name="유경 김" userId="3901b46e510d3c7f" providerId="LiveId" clId="{E85F0181-7422-4B2E-957F-6C714760E859}" dt="2024-08-20T03:10:55.479" v="4934" actId="1076"/>
          <ac:picMkLst>
            <pc:docMk/>
            <pc:sldMk cId="3019013217" sldId="286"/>
            <ac:picMk id="10" creationId="{5F3891EF-100C-0923-E9D7-E6262DA11619}"/>
          </ac:picMkLst>
        </pc:picChg>
      </pc:sldChg>
      <pc:sldChg chg="addSp modSp add mod ord">
        <pc:chgData name="유경 김" userId="3901b46e510d3c7f" providerId="LiveId" clId="{E85F0181-7422-4B2E-957F-6C714760E859}" dt="2024-08-20T02:44:18.091" v="4285" actId="20577"/>
        <pc:sldMkLst>
          <pc:docMk/>
          <pc:sldMk cId="133531772" sldId="287"/>
        </pc:sldMkLst>
        <pc:spChg chg="add mod">
          <ac:chgData name="유경 김" userId="3901b46e510d3c7f" providerId="LiveId" clId="{E85F0181-7422-4B2E-957F-6C714760E859}" dt="2024-08-20T02:44:18.091" v="4285" actId="20577"/>
          <ac:spMkLst>
            <pc:docMk/>
            <pc:sldMk cId="133531772" sldId="287"/>
            <ac:spMk id="5" creationId="{97709180-402A-7AA2-825E-6369208FA421}"/>
          </ac:spMkLst>
        </pc:spChg>
        <pc:picChg chg="add mod">
          <ac:chgData name="유경 김" userId="3901b46e510d3c7f" providerId="LiveId" clId="{E85F0181-7422-4B2E-957F-6C714760E859}" dt="2024-08-20T02:43:38.214" v="4254" actId="1076"/>
          <ac:picMkLst>
            <pc:docMk/>
            <pc:sldMk cId="133531772" sldId="287"/>
            <ac:picMk id="6" creationId="{CAE8E85D-1530-694D-917A-1C12137C1357}"/>
          </ac:picMkLst>
        </pc:picChg>
        <pc:picChg chg="add mod">
          <ac:chgData name="유경 김" userId="3901b46e510d3c7f" providerId="LiveId" clId="{E85F0181-7422-4B2E-957F-6C714760E859}" dt="2024-08-20T02:44:10.732" v="4267" actId="1076"/>
          <ac:picMkLst>
            <pc:docMk/>
            <pc:sldMk cId="133531772" sldId="287"/>
            <ac:picMk id="8" creationId="{AA2985B3-4D6F-42CE-D8FF-2424F838F97E}"/>
          </ac:picMkLst>
        </pc:picChg>
      </pc:sldChg>
      <pc:sldChg chg="addSp modSp add mod ord">
        <pc:chgData name="유경 김" userId="3901b46e510d3c7f" providerId="LiveId" clId="{E85F0181-7422-4B2E-957F-6C714760E859}" dt="2024-08-20T02:43:22.208" v="4241" actId="20577"/>
        <pc:sldMkLst>
          <pc:docMk/>
          <pc:sldMk cId="253520728" sldId="288"/>
        </pc:sldMkLst>
        <pc:spChg chg="add mod">
          <ac:chgData name="유경 김" userId="3901b46e510d3c7f" providerId="LiveId" clId="{E85F0181-7422-4B2E-957F-6C714760E859}" dt="2024-08-20T02:43:22.208" v="4241" actId="20577"/>
          <ac:spMkLst>
            <pc:docMk/>
            <pc:sldMk cId="253520728" sldId="288"/>
            <ac:spMk id="5" creationId="{AD69C517-D6A2-9438-B9C5-5AC901C52597}"/>
          </ac:spMkLst>
        </pc:spChg>
        <pc:picChg chg="add mod">
          <ac:chgData name="유경 김" userId="3901b46e510d3c7f" providerId="LiveId" clId="{E85F0181-7422-4B2E-957F-6C714760E859}" dt="2024-08-20T02:43:18.854" v="4240" actId="1076"/>
          <ac:picMkLst>
            <pc:docMk/>
            <pc:sldMk cId="253520728" sldId="288"/>
            <ac:picMk id="6" creationId="{6E4509F3-15AA-2BFF-552B-BF3DADC7D1BB}"/>
          </ac:picMkLst>
        </pc:picChg>
      </pc:sldChg>
      <pc:sldChg chg="addSp modSp add mod ord">
        <pc:chgData name="유경 김" userId="3901b46e510d3c7f" providerId="LiveId" clId="{E85F0181-7422-4B2E-957F-6C714760E859}" dt="2024-08-20T02:47:59.741" v="4340" actId="1076"/>
        <pc:sldMkLst>
          <pc:docMk/>
          <pc:sldMk cId="4129564347" sldId="289"/>
        </pc:sldMkLst>
        <pc:spChg chg="add mod">
          <ac:chgData name="유경 김" userId="3901b46e510d3c7f" providerId="LiveId" clId="{E85F0181-7422-4B2E-957F-6C714760E859}" dt="2024-08-20T02:45:20.623" v="4325" actId="20577"/>
          <ac:spMkLst>
            <pc:docMk/>
            <pc:sldMk cId="4129564347" sldId="289"/>
            <ac:spMk id="5" creationId="{647E0E79-2AB9-9FE6-3D29-69E777FB5B83}"/>
          </ac:spMkLst>
        </pc:spChg>
        <pc:picChg chg="add mod">
          <ac:chgData name="유경 김" userId="3901b46e510d3c7f" providerId="LiveId" clId="{E85F0181-7422-4B2E-957F-6C714760E859}" dt="2024-08-20T02:47:59.741" v="4340" actId="1076"/>
          <ac:picMkLst>
            <pc:docMk/>
            <pc:sldMk cId="4129564347" sldId="289"/>
            <ac:picMk id="6" creationId="{8251DFF0-AA73-D5D8-FD1D-36E7D9283DF6}"/>
          </ac:picMkLst>
        </pc:picChg>
      </pc:sldChg>
      <pc:sldChg chg="addSp modSp add mod">
        <pc:chgData name="유경 김" userId="3901b46e510d3c7f" providerId="LiveId" clId="{E85F0181-7422-4B2E-957F-6C714760E859}" dt="2024-08-20T03:15:18.623" v="5004" actId="208"/>
        <pc:sldMkLst>
          <pc:docMk/>
          <pc:sldMk cId="850804866" sldId="290"/>
        </pc:sldMkLst>
        <pc:spChg chg="add mod">
          <ac:chgData name="유경 김" userId="3901b46e510d3c7f" providerId="LiveId" clId="{E85F0181-7422-4B2E-957F-6C714760E859}" dt="2024-08-20T02:55:08.685" v="4495" actId="20577"/>
          <ac:spMkLst>
            <pc:docMk/>
            <pc:sldMk cId="850804866" sldId="290"/>
            <ac:spMk id="5" creationId="{3B1888F9-95FC-47A3-B492-D447D405E509}"/>
          </ac:spMkLst>
        </pc:spChg>
        <pc:spChg chg="add mod">
          <ac:chgData name="유경 김" userId="3901b46e510d3c7f" providerId="LiveId" clId="{E85F0181-7422-4B2E-957F-6C714760E859}" dt="2024-08-20T03:14:43.230" v="4999" actId="1076"/>
          <ac:spMkLst>
            <pc:docMk/>
            <pc:sldMk cId="850804866" sldId="290"/>
            <ac:spMk id="6" creationId="{6737BD0C-2B82-7307-D9DD-B19E9E6B7845}"/>
          </ac:spMkLst>
        </pc:spChg>
        <pc:spChg chg="add mod">
          <ac:chgData name="유경 김" userId="3901b46e510d3c7f" providerId="LiveId" clId="{E85F0181-7422-4B2E-957F-6C714760E859}" dt="2024-08-20T03:13:43.904" v="4987" actId="1076"/>
          <ac:spMkLst>
            <pc:docMk/>
            <pc:sldMk cId="850804866" sldId="290"/>
            <ac:spMk id="8" creationId="{E92141E1-E541-4B12-A95C-66E9B23FC4D6}"/>
          </ac:spMkLst>
        </pc:spChg>
        <pc:spChg chg="add mod">
          <ac:chgData name="유경 김" userId="3901b46e510d3c7f" providerId="LiveId" clId="{E85F0181-7422-4B2E-957F-6C714760E859}" dt="2024-08-20T03:14:22.189" v="4995" actId="1076"/>
          <ac:spMkLst>
            <pc:docMk/>
            <pc:sldMk cId="850804866" sldId="290"/>
            <ac:spMk id="11" creationId="{02BBFD09-1E95-AB41-9884-3EFAF7BDE9FB}"/>
          </ac:spMkLst>
        </pc:spChg>
        <pc:picChg chg="add mod">
          <ac:chgData name="유경 김" userId="3901b46e510d3c7f" providerId="LiveId" clId="{E85F0181-7422-4B2E-957F-6C714760E859}" dt="2024-08-20T03:12:59.830" v="4965" actId="1076"/>
          <ac:picMkLst>
            <pc:docMk/>
            <pc:sldMk cId="850804866" sldId="290"/>
            <ac:picMk id="7" creationId="{6C6305B0-6EF6-6B8C-5569-0A81107F6E63}"/>
          </ac:picMkLst>
        </pc:picChg>
        <pc:picChg chg="add mod">
          <ac:chgData name="유경 김" userId="3901b46e510d3c7f" providerId="LiveId" clId="{E85F0181-7422-4B2E-957F-6C714760E859}" dt="2024-08-20T03:12:58.393" v="4964" actId="1076"/>
          <ac:picMkLst>
            <pc:docMk/>
            <pc:sldMk cId="850804866" sldId="290"/>
            <ac:picMk id="10" creationId="{007906C2-DE99-484E-430B-3F6D0541CE5D}"/>
          </ac:picMkLst>
        </pc:picChg>
        <pc:cxnChg chg="add mod">
          <ac:chgData name="유경 김" userId="3901b46e510d3c7f" providerId="LiveId" clId="{E85F0181-7422-4B2E-957F-6C714760E859}" dt="2024-08-20T03:14:48.185" v="5000" actId="208"/>
          <ac:cxnSpMkLst>
            <pc:docMk/>
            <pc:sldMk cId="850804866" sldId="290"/>
            <ac:cxnSpMk id="13" creationId="{86E66A42-63B0-D904-E26F-C9775B5E828A}"/>
          </ac:cxnSpMkLst>
        </pc:cxnChg>
        <pc:cxnChg chg="add mod">
          <ac:chgData name="유경 김" userId="3901b46e510d3c7f" providerId="LiveId" clId="{E85F0181-7422-4B2E-957F-6C714760E859}" dt="2024-08-20T03:15:15.501" v="5003" actId="208"/>
          <ac:cxnSpMkLst>
            <pc:docMk/>
            <pc:sldMk cId="850804866" sldId="290"/>
            <ac:cxnSpMk id="17" creationId="{83C04F6B-7C7B-4BD3-8432-927D6D7FB1A3}"/>
          </ac:cxnSpMkLst>
        </pc:cxnChg>
        <pc:cxnChg chg="add mod">
          <ac:chgData name="유경 김" userId="3901b46e510d3c7f" providerId="LiveId" clId="{E85F0181-7422-4B2E-957F-6C714760E859}" dt="2024-08-20T03:15:18.623" v="5004" actId="208"/>
          <ac:cxnSpMkLst>
            <pc:docMk/>
            <pc:sldMk cId="850804866" sldId="290"/>
            <ac:cxnSpMk id="19" creationId="{7A7443FF-FDC8-B6AA-43CE-FE222872492B}"/>
          </ac:cxnSpMkLst>
        </pc:cxnChg>
      </pc:sldChg>
      <pc:sldChg chg="addSp modSp add mod">
        <pc:chgData name="유경 김" userId="3901b46e510d3c7f" providerId="LiveId" clId="{E85F0181-7422-4B2E-957F-6C714760E859}" dt="2024-08-20T02:54:45.321" v="4482" actId="1076"/>
        <pc:sldMkLst>
          <pc:docMk/>
          <pc:sldMk cId="2185872611" sldId="291"/>
        </pc:sldMkLst>
        <pc:spChg chg="add mod">
          <ac:chgData name="유경 김" userId="3901b46e510d3c7f" providerId="LiveId" clId="{E85F0181-7422-4B2E-957F-6C714760E859}" dt="2024-08-20T02:54:29.966" v="4469" actId="20577"/>
          <ac:spMkLst>
            <pc:docMk/>
            <pc:sldMk cId="2185872611" sldId="291"/>
            <ac:spMk id="5" creationId="{5AA7C8AA-0DEC-9879-43F7-AE64ED536BE9}"/>
          </ac:spMkLst>
        </pc:spChg>
        <pc:picChg chg="add mod">
          <ac:chgData name="유경 김" userId="3901b46e510d3c7f" providerId="LiveId" clId="{E85F0181-7422-4B2E-957F-6C714760E859}" dt="2024-08-20T02:54:45.321" v="4482" actId="1076"/>
          <ac:picMkLst>
            <pc:docMk/>
            <pc:sldMk cId="2185872611" sldId="291"/>
            <ac:picMk id="6" creationId="{64052C68-D5DF-F4D7-16F9-D38E604FFAF0}"/>
          </ac:picMkLst>
        </pc:picChg>
      </pc:sldChg>
      <pc:sldChg chg="addSp modSp add mod">
        <pc:chgData name="유경 김" userId="3901b46e510d3c7f" providerId="LiveId" clId="{E85F0181-7422-4B2E-957F-6C714760E859}" dt="2024-08-20T02:53:49.366" v="4453" actId="1076"/>
        <pc:sldMkLst>
          <pc:docMk/>
          <pc:sldMk cId="1807220083" sldId="292"/>
        </pc:sldMkLst>
        <pc:spChg chg="add mod">
          <ac:chgData name="유경 김" userId="3901b46e510d3c7f" providerId="LiveId" clId="{E85F0181-7422-4B2E-957F-6C714760E859}" dt="2024-08-20T02:52:49.051" v="4441" actId="20577"/>
          <ac:spMkLst>
            <pc:docMk/>
            <pc:sldMk cId="1807220083" sldId="292"/>
            <ac:spMk id="5" creationId="{83E85E0F-C15D-DDB5-8ABE-1B47A71977C4}"/>
          </ac:spMkLst>
        </pc:spChg>
        <pc:spChg chg="add mod">
          <ac:chgData name="유경 김" userId="3901b46e510d3c7f" providerId="LiveId" clId="{E85F0181-7422-4B2E-957F-6C714760E859}" dt="2024-08-20T02:52:50.673" v="4442"/>
          <ac:spMkLst>
            <pc:docMk/>
            <pc:sldMk cId="1807220083" sldId="292"/>
            <ac:spMk id="6" creationId="{96C89989-19C1-19E8-784C-3C190A0AFF63}"/>
          </ac:spMkLst>
        </pc:spChg>
        <pc:picChg chg="add mod">
          <ac:chgData name="유경 김" userId="3901b46e510d3c7f" providerId="LiveId" clId="{E85F0181-7422-4B2E-957F-6C714760E859}" dt="2024-08-20T02:53:49.366" v="4453" actId="1076"/>
          <ac:picMkLst>
            <pc:docMk/>
            <pc:sldMk cId="1807220083" sldId="292"/>
            <ac:picMk id="7" creationId="{973DAA4A-2D0D-887E-A13C-AFBFE3F002F8}"/>
          </ac:picMkLst>
        </pc:picChg>
      </pc:sldChg>
      <pc:sldChg chg="addSp delSp modSp add mod">
        <pc:chgData name="유경 김" userId="3901b46e510d3c7f" providerId="LiveId" clId="{E85F0181-7422-4B2E-957F-6C714760E859}" dt="2024-08-20T02:52:10.076" v="4419" actId="1076"/>
        <pc:sldMkLst>
          <pc:docMk/>
          <pc:sldMk cId="1772786519" sldId="293"/>
        </pc:sldMkLst>
        <pc:spChg chg="add mod">
          <ac:chgData name="유경 김" userId="3901b46e510d3c7f" providerId="LiveId" clId="{E85F0181-7422-4B2E-957F-6C714760E859}" dt="2024-08-20T02:46:41.519" v="4326"/>
          <ac:spMkLst>
            <pc:docMk/>
            <pc:sldMk cId="1772786519" sldId="293"/>
            <ac:spMk id="5" creationId="{60DB516F-2EB3-E335-0789-737BCE3C9096}"/>
          </ac:spMkLst>
        </pc:spChg>
        <pc:picChg chg="add mod">
          <ac:chgData name="유경 김" userId="3901b46e510d3c7f" providerId="LiveId" clId="{E85F0181-7422-4B2E-957F-6C714760E859}" dt="2024-08-20T02:50:36.535" v="4401" actId="1076"/>
          <ac:picMkLst>
            <pc:docMk/>
            <pc:sldMk cId="1772786519" sldId="293"/>
            <ac:picMk id="6" creationId="{B40C138C-25F1-CCBC-E36B-AF29A72DC6EE}"/>
          </ac:picMkLst>
        </pc:picChg>
        <pc:picChg chg="add del mod">
          <ac:chgData name="유경 김" userId="3901b46e510d3c7f" providerId="LiveId" clId="{E85F0181-7422-4B2E-957F-6C714760E859}" dt="2024-08-20T02:50:18.398" v="4388" actId="21"/>
          <ac:picMkLst>
            <pc:docMk/>
            <pc:sldMk cId="1772786519" sldId="293"/>
            <ac:picMk id="7" creationId="{B7EF6539-6859-C6CB-DF06-0D5D3068DB55}"/>
          </ac:picMkLst>
        </pc:picChg>
        <pc:picChg chg="add del mod">
          <ac:chgData name="유경 김" userId="3901b46e510d3c7f" providerId="LiveId" clId="{E85F0181-7422-4B2E-957F-6C714760E859}" dt="2024-08-20T02:51:48.535" v="4404" actId="478"/>
          <ac:picMkLst>
            <pc:docMk/>
            <pc:sldMk cId="1772786519" sldId="293"/>
            <ac:picMk id="8" creationId="{EAB35AE6-A4D7-DD0B-CEFB-1A508CB2A087}"/>
          </ac:picMkLst>
        </pc:picChg>
        <pc:picChg chg="add mod">
          <ac:chgData name="유경 김" userId="3901b46e510d3c7f" providerId="LiveId" clId="{E85F0181-7422-4B2E-957F-6C714760E859}" dt="2024-08-20T02:52:10.076" v="4419" actId="1076"/>
          <ac:picMkLst>
            <pc:docMk/>
            <pc:sldMk cId="1772786519" sldId="293"/>
            <ac:picMk id="10" creationId="{B43A73D0-D410-0482-515E-8ECB72050617}"/>
          </ac:picMkLst>
        </pc:picChg>
      </pc:sldChg>
      <pc:sldChg chg="addSp delSp modSp add mod ord">
        <pc:chgData name="유경 김" userId="3901b46e510d3c7f" providerId="LiveId" clId="{E85F0181-7422-4B2E-957F-6C714760E859}" dt="2024-08-20T03:05:05.865" v="4723" actId="1076"/>
        <pc:sldMkLst>
          <pc:docMk/>
          <pc:sldMk cId="804645741" sldId="294"/>
        </pc:sldMkLst>
        <pc:spChg chg="add mod">
          <ac:chgData name="유경 김" userId="3901b46e510d3c7f" providerId="LiveId" clId="{E85F0181-7422-4B2E-957F-6C714760E859}" dt="2024-08-20T03:04:57.791" v="4713" actId="20577"/>
          <ac:spMkLst>
            <pc:docMk/>
            <pc:sldMk cId="804645741" sldId="294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5:05.865" v="4723" actId="1076"/>
          <ac:picMkLst>
            <pc:docMk/>
            <pc:sldMk cId="804645741" sldId="294"/>
            <ac:picMk id="7" creationId="{3D313C49-8A15-10B1-B4DF-769E75719751}"/>
          </ac:picMkLst>
        </pc:picChg>
        <pc:picChg chg="add del mod">
          <ac:chgData name="유경 김" userId="3901b46e510d3c7f" providerId="LiveId" clId="{E85F0181-7422-4B2E-957F-6C714760E859}" dt="2024-08-20T03:00:05.002" v="4534" actId="478"/>
          <ac:picMkLst>
            <pc:docMk/>
            <pc:sldMk cId="804645741" sldId="294"/>
            <ac:picMk id="10" creationId="{A1C3BCA0-14D4-4454-9FE5-BB32DB7DBEF7}"/>
          </ac:picMkLst>
        </pc:picChg>
      </pc:sldChg>
      <pc:sldChg chg="addSp modSp add mod">
        <pc:chgData name="유경 김" userId="3901b46e510d3c7f" providerId="LiveId" clId="{E85F0181-7422-4B2E-957F-6C714760E859}" dt="2024-08-20T03:08:05.970" v="4912" actId="1076"/>
        <pc:sldMkLst>
          <pc:docMk/>
          <pc:sldMk cId="1417329055" sldId="295"/>
        </pc:sldMkLst>
        <pc:spChg chg="mod">
          <ac:chgData name="유경 김" userId="3901b46e510d3c7f" providerId="LiveId" clId="{E85F0181-7422-4B2E-957F-6C714760E859}" dt="2024-08-20T03:08:03.390" v="4910" actId="20577"/>
          <ac:spMkLst>
            <pc:docMk/>
            <pc:sldMk cId="1417329055" sldId="295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03.945" v="4911" actId="1076"/>
          <ac:picMkLst>
            <pc:docMk/>
            <pc:sldMk cId="1417329055" sldId="295"/>
            <ac:picMk id="7" creationId="{89240366-4567-4B44-FCCC-88D3B21C1E8D}"/>
          </ac:picMkLst>
        </pc:picChg>
        <pc:picChg chg="add mod">
          <ac:chgData name="유경 김" userId="3901b46e510d3c7f" providerId="LiveId" clId="{E85F0181-7422-4B2E-957F-6C714760E859}" dt="2024-08-20T03:08:05.970" v="4912" actId="1076"/>
          <ac:picMkLst>
            <pc:docMk/>
            <pc:sldMk cId="1417329055" sldId="295"/>
            <ac:picMk id="10" creationId="{AED209ED-59EF-5117-FF98-C7EB2D1821DB}"/>
          </ac:picMkLst>
        </pc:picChg>
      </pc:sldChg>
      <pc:sldChg chg="addSp modSp add mod ord">
        <pc:chgData name="유경 김" userId="3901b46e510d3c7f" providerId="LiveId" clId="{E85F0181-7422-4B2E-957F-6C714760E859}" dt="2024-08-20T03:06:16.143" v="4789" actId="1076"/>
        <pc:sldMkLst>
          <pc:docMk/>
          <pc:sldMk cId="1229046067" sldId="296"/>
        </pc:sldMkLst>
        <pc:spChg chg="mod">
          <ac:chgData name="유경 김" userId="3901b46e510d3c7f" providerId="LiveId" clId="{E85F0181-7422-4B2E-957F-6C714760E859}" dt="2024-08-20T03:05:30.554" v="4756" actId="20577"/>
          <ac:spMkLst>
            <pc:docMk/>
            <pc:sldMk cId="1229046067" sldId="296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6:08.338" v="4786" actId="1076"/>
          <ac:picMkLst>
            <pc:docMk/>
            <pc:sldMk cId="1229046067" sldId="296"/>
            <ac:picMk id="7" creationId="{7AF4606D-9E4C-6D63-EAFE-BA1A1BEEE301}"/>
          </ac:picMkLst>
        </pc:picChg>
        <pc:picChg chg="add mod">
          <ac:chgData name="유경 김" userId="3901b46e510d3c7f" providerId="LiveId" clId="{E85F0181-7422-4B2E-957F-6C714760E859}" dt="2024-08-20T03:06:16.143" v="4789" actId="1076"/>
          <ac:picMkLst>
            <pc:docMk/>
            <pc:sldMk cId="1229046067" sldId="296"/>
            <ac:picMk id="10" creationId="{10742711-A039-27DB-507B-CF642BA048B2}"/>
          </ac:picMkLst>
        </pc:picChg>
      </pc:sldChg>
      <pc:sldChg chg="addSp modSp add mod">
        <pc:chgData name="유경 김" userId="3901b46e510d3c7f" providerId="LiveId" clId="{E85F0181-7422-4B2E-957F-6C714760E859}" dt="2024-08-20T03:08:22" v="4915" actId="1076"/>
        <pc:sldMkLst>
          <pc:docMk/>
          <pc:sldMk cId="1690286675" sldId="297"/>
        </pc:sldMkLst>
        <pc:spChg chg="mod">
          <ac:chgData name="유경 김" userId="3901b46e510d3c7f" providerId="LiveId" clId="{E85F0181-7422-4B2E-957F-6C714760E859}" dt="2024-08-20T03:07:00.363" v="4829" actId="20577"/>
          <ac:spMkLst>
            <pc:docMk/>
            <pc:sldMk cId="1690286675" sldId="297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22" v="4915" actId="1076"/>
          <ac:picMkLst>
            <pc:docMk/>
            <pc:sldMk cId="1690286675" sldId="297"/>
            <ac:picMk id="7" creationId="{BB39540A-110B-4433-B3FB-49C77C730281}"/>
          </ac:picMkLst>
        </pc:picChg>
        <pc:picChg chg="add mod">
          <ac:chgData name="유경 김" userId="3901b46e510d3c7f" providerId="LiveId" clId="{E85F0181-7422-4B2E-957F-6C714760E859}" dt="2024-08-20T03:08:14.434" v="4913" actId="14100"/>
          <ac:picMkLst>
            <pc:docMk/>
            <pc:sldMk cId="1690286675" sldId="297"/>
            <ac:picMk id="10" creationId="{CF005432-CB71-033D-8FC2-EF6FE269C677}"/>
          </ac:picMkLst>
        </pc:picChg>
      </pc:sldChg>
      <pc:sldChg chg="addSp modSp add mod">
        <pc:chgData name="유경 김" userId="3901b46e510d3c7f" providerId="LiveId" clId="{E85F0181-7422-4B2E-957F-6C714760E859}" dt="2024-08-20T03:02:48.364" v="4612" actId="20577"/>
        <pc:sldMkLst>
          <pc:docMk/>
          <pc:sldMk cId="1739638274" sldId="298"/>
        </pc:sldMkLst>
        <pc:spChg chg="mod">
          <ac:chgData name="유경 김" userId="3901b46e510d3c7f" providerId="LiveId" clId="{E85F0181-7422-4B2E-957F-6C714760E859}" dt="2024-08-20T03:02:48.364" v="4612" actId="20577"/>
          <ac:spMkLst>
            <pc:docMk/>
            <pc:sldMk cId="1739638274" sldId="298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1:29.833" v="4554" actId="1076"/>
          <ac:picMkLst>
            <pc:docMk/>
            <pc:sldMk cId="1739638274" sldId="298"/>
            <ac:picMk id="6" creationId="{2188E90A-C363-C516-3AF8-9F577EB638A8}"/>
          </ac:picMkLst>
        </pc:picChg>
        <pc:picChg chg="add mod">
          <ac:chgData name="유경 김" userId="3901b46e510d3c7f" providerId="LiveId" clId="{E85F0181-7422-4B2E-957F-6C714760E859}" dt="2024-08-20T03:02:31.734" v="4579" actId="1076"/>
          <ac:picMkLst>
            <pc:docMk/>
            <pc:sldMk cId="1739638274" sldId="298"/>
            <ac:picMk id="8" creationId="{2FFB040C-FF77-F466-6D0F-BA9F919D7DB7}"/>
          </ac:picMkLst>
        </pc:picChg>
        <pc:picChg chg="add mod">
          <ac:chgData name="유경 김" userId="3901b46e510d3c7f" providerId="LiveId" clId="{E85F0181-7422-4B2E-957F-6C714760E859}" dt="2024-08-20T03:02:35.603" v="4581" actId="1076"/>
          <ac:picMkLst>
            <pc:docMk/>
            <pc:sldMk cId="1739638274" sldId="298"/>
            <ac:picMk id="11" creationId="{783F649A-2FA8-FF20-B873-7BFDD0E7909C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머리글 개체 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3" name="날짜 개체 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DB37C7-5C7B-4B0B-8193-F542E7A8B14D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4" name="슬라이드 이미지 개체 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ko-KR" altLang="en-US"/>
          </a:p>
        </p:txBody>
      </p:sp>
      <p:sp>
        <p:nvSpPr>
          <p:cNvPr id="5" name="슬라이드 노트 개체 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6" name="바닥글 개체 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7" name="슬라이드 번호 개체 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F586F75-8648-4772-92AC-2718C6400C0F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5377745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07912189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2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662016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88038382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9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10925399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제목 슬라이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F427CD0-BDD5-670D-C018-0AD715CA91E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부제목 2">
            <a:extLst>
              <a:ext uri="{FF2B5EF4-FFF2-40B4-BE49-F238E27FC236}">
                <a16:creationId xmlns:a16="http://schemas.microsoft.com/office/drawing/2014/main" id="{25997A1D-4EA5-B94C-A602-064A941CFE1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ko-KR" altLang="en-US"/>
              <a:t>클릭하여 마스터 부제목 스타일 편집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311B2CF-FEC3-6E37-2C38-050E6BE70C8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87A2200-218E-479E-D994-5133BD3103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2F1D0FE2-7199-FA1C-AFDE-AE0D17B26C8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3140765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제목 및 세로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A67E5CE9-2406-3170-F87B-FCBEA9A57F9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34D48811-1570-F368-FA54-C2C18986476C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DB22965-0EC3-4623-F96D-1B1B2F7675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27CCB74-A18B-4C94-2C25-CD0D7041037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E732F2D2-B8F2-9449-ABE4-242F0EF3BD3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783272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세로 제목 및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세로 제목 1">
            <a:extLst>
              <a:ext uri="{FF2B5EF4-FFF2-40B4-BE49-F238E27FC236}">
                <a16:creationId xmlns:a16="http://schemas.microsoft.com/office/drawing/2014/main" id="{0E0A1EC0-C9C4-A37C-3243-0CBD459B300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81F45711-DF37-9B84-65AF-12A5387C64D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3043EC0-7A24-F176-2109-E45D746010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36F5A30-161F-3814-461D-EA55313AC7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527BD56-4A90-F7EB-D5CA-2110F1A2D99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631354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FF62F3E-C61F-4710-1E98-B7F809B3729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7D53EE91-FEBB-81D8-ECD9-13DA8432611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9CB1A5B-9008-43E7-2043-EE36274153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FD7FFA7-B55D-1FEB-E278-74B3796B7B2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8607F3B5-CDF3-B16C-D6E9-B1D9F7E041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892508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구역 머리글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206DB4F9-8AF8-9727-D8EB-31163EC9AB7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9F4DE56-CC06-ADF4-8939-EB59C5E7365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CA08A47-D119-5E11-D7C5-25D4C1B8AB7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A991E42D-BACF-16AE-F1CE-91F026BB46E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4B53AA7-C0F5-9424-DFFC-038FFF619AE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30993259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콘텐츠 2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01778D5-E2B0-2A3C-E302-7AA9E870AF4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1F01F153-7D01-1A04-E3FB-35A207996C5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4C274A64-80C1-AFF8-E2EC-1D7A440068F5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C8B3D426-832A-E0C4-6AF1-B0375A93624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B0959139-75B4-ADBD-05B2-65B348307F1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991BC67-9CAA-0977-04F2-4F933EECF1C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849541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비교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BA37076-A2A3-2623-53FB-6D87197694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AB2CE3AF-F477-4FBB-A0E4-1A2F0FF84B4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FAF4DD71-CFDC-DAC5-F79C-E34CF3B7C6E9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텍스트 개체 틀 4">
            <a:extLst>
              <a:ext uri="{FF2B5EF4-FFF2-40B4-BE49-F238E27FC236}">
                <a16:creationId xmlns:a16="http://schemas.microsoft.com/office/drawing/2014/main" id="{CFCF91CE-58EC-74C7-4DDD-38E9E9629A5F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6" name="내용 개체 틀 5">
            <a:extLst>
              <a:ext uri="{FF2B5EF4-FFF2-40B4-BE49-F238E27FC236}">
                <a16:creationId xmlns:a16="http://schemas.microsoft.com/office/drawing/2014/main" id="{15B86D4E-19CD-44AD-C916-2BF7D7C02FAF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7" name="날짜 개체 틀 6">
            <a:extLst>
              <a:ext uri="{FF2B5EF4-FFF2-40B4-BE49-F238E27FC236}">
                <a16:creationId xmlns:a16="http://schemas.microsoft.com/office/drawing/2014/main" id="{36D15D92-380D-19BF-5B7A-83FF010B22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8" name="바닥글 개체 틀 7">
            <a:extLst>
              <a:ext uri="{FF2B5EF4-FFF2-40B4-BE49-F238E27FC236}">
                <a16:creationId xmlns:a16="http://schemas.microsoft.com/office/drawing/2014/main" id="{9AADFBF6-DA45-4050-617F-30A323FA1AA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9" name="슬라이드 번호 개체 틀 8">
            <a:extLst>
              <a:ext uri="{FF2B5EF4-FFF2-40B4-BE49-F238E27FC236}">
                <a16:creationId xmlns:a16="http://schemas.microsoft.com/office/drawing/2014/main" id="{83BF9ECB-BD30-9545-A214-5670E5D73F3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081075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제목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BBF04BB7-117F-BAD0-C87C-29FF158369A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날짜 개체 틀 2">
            <a:extLst>
              <a:ext uri="{FF2B5EF4-FFF2-40B4-BE49-F238E27FC236}">
                <a16:creationId xmlns:a16="http://schemas.microsoft.com/office/drawing/2014/main" id="{3140D5FA-2FA6-2B58-C6F3-90D41F5D28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4" name="바닥글 개체 틀 3">
            <a:extLst>
              <a:ext uri="{FF2B5EF4-FFF2-40B4-BE49-F238E27FC236}">
                <a16:creationId xmlns:a16="http://schemas.microsoft.com/office/drawing/2014/main" id="{DDD9D8DF-A881-8B24-AA3E-6F93FD235DB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5" name="슬라이드 번호 개체 틀 4">
            <a:extLst>
              <a:ext uri="{FF2B5EF4-FFF2-40B4-BE49-F238E27FC236}">
                <a16:creationId xmlns:a16="http://schemas.microsoft.com/office/drawing/2014/main" id="{8D6211D4-52CD-2077-B0CD-CE29DEB41E9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28295221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빈 화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날짜 개체 틀 1">
            <a:extLst>
              <a:ext uri="{FF2B5EF4-FFF2-40B4-BE49-F238E27FC236}">
                <a16:creationId xmlns:a16="http://schemas.microsoft.com/office/drawing/2014/main" id="{228AD3BB-43D7-869B-C42B-88F9CDD4F2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3" name="바닥글 개체 틀 2">
            <a:extLst>
              <a:ext uri="{FF2B5EF4-FFF2-40B4-BE49-F238E27FC236}">
                <a16:creationId xmlns:a16="http://schemas.microsoft.com/office/drawing/2014/main" id="{6FC38915-9C9F-8857-65FB-6726CCD67BB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>
            <a:extLst>
              <a:ext uri="{FF2B5EF4-FFF2-40B4-BE49-F238E27FC236}">
                <a16:creationId xmlns:a16="http://schemas.microsoft.com/office/drawing/2014/main" id="{D474E967-3969-257E-4BFC-BD37484704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86918477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캡션 있는 콘텐츠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C506C1A4-B2C1-705C-0723-4F3E5FFEE0F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A9333176-4600-B35E-E0B2-7075F288B76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0870477-E364-D191-834E-D50D7D9701F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52CEDCF4-8CBF-5F13-D29C-82158EFDB20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4A011A2E-0914-4CB6-2539-3D6F817F8CC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798D3CB0-3C12-78A4-7362-41C8FA8A1A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6296270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캡션 있는 그림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7EC03C4-BF2D-209D-3BB1-AD00B9EB97D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그림 개체 틀 2">
            <a:extLst>
              <a:ext uri="{FF2B5EF4-FFF2-40B4-BE49-F238E27FC236}">
                <a16:creationId xmlns:a16="http://schemas.microsoft.com/office/drawing/2014/main" id="{2A84341C-711C-FF96-B6EF-57B3F635521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ko-KR" altLang="en-US"/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B1E3539-D447-38C4-BFAE-CFBF774A0C1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36BCA535-4735-7CCE-1046-F1C6D3801D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6429C40C-C008-15FE-ED26-6E207D237E0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D4DF473-1731-447C-7BF7-6F8C5909651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29534851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개체 틀 1">
            <a:extLst>
              <a:ext uri="{FF2B5EF4-FFF2-40B4-BE49-F238E27FC236}">
                <a16:creationId xmlns:a16="http://schemas.microsoft.com/office/drawing/2014/main" id="{78E1173A-EBF1-BD44-24EF-C8C30F62A6B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0411135-BCA4-351F-A6F7-990747AFDB3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77C45AC1-5E7B-9FA6-14AD-3CC8F0AFBC7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A8B9B752-7B9B-4F71-901A-719D82CA7BCE}" type="datetimeFigureOut">
              <a:rPr lang="ko-KR" altLang="en-US" smtClean="0"/>
              <a:t>2024-08-20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11675BB-6071-BAC1-6191-976459910B5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6209A54C-6252-7183-BA45-890D3D8ECB8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50127961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jpg"/><Relationship Id="rId1" Type="http://schemas.openxmlformats.org/officeDocument/2006/relationships/slideLayout" Target="../slideLayouts/slideLayout7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jpg"/><Relationship Id="rId2" Type="http://schemas.openxmlformats.org/officeDocument/2006/relationships/image" Target="../media/image3.jpg"/><Relationship Id="rId1" Type="http://schemas.openxmlformats.org/officeDocument/2006/relationships/slideLayout" Target="../slideLayouts/slideLayout7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7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2.png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7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jp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6.jp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jpg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jpg"/><Relationship Id="rId2" Type="http://schemas.openxmlformats.org/officeDocument/2006/relationships/image" Target="../media/image28.jp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30.jp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jpg"/><Relationship Id="rId2" Type="http://schemas.openxmlformats.org/officeDocument/2006/relationships/image" Target="../media/image31.jpg"/><Relationship Id="rId1" Type="http://schemas.openxmlformats.org/officeDocument/2006/relationships/slideLayout" Target="../slideLayouts/slideLayout7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jpg"/><Relationship Id="rId2" Type="http://schemas.openxmlformats.org/officeDocument/2006/relationships/image" Target="../media/image33.jpg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jpg"/><Relationship Id="rId2" Type="http://schemas.openxmlformats.org/officeDocument/2006/relationships/image" Target="../media/image35.jpg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png"/><Relationship Id="rId2" Type="http://schemas.openxmlformats.org/officeDocument/2006/relationships/hyperlink" Target="http://localhost:8090/GudiSpring/" TargetMode="External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joongang.co.kr/article/25226870" TargetMode="External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7.xml"/><Relationship Id="rId4" Type="http://schemas.openxmlformats.org/officeDocument/2006/relationships/hyperlink" Target="https://m.naeil.com/news/read/504724" TargetMode="Externa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image" Target="../media/image6.png"/><Relationship Id="rId7" Type="http://schemas.openxmlformats.org/officeDocument/2006/relationships/image" Target="../media/image10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9.png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jpg"/><Relationship Id="rId1" Type="http://schemas.openxmlformats.org/officeDocument/2006/relationships/slideLayout" Target="../slideLayouts/slideLayout7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직사각형 2">
            <a:extLst>
              <a:ext uri="{FF2B5EF4-FFF2-40B4-BE49-F238E27FC236}">
                <a16:creationId xmlns:a16="http://schemas.microsoft.com/office/drawing/2014/main" id="{C39DB0B0-02E5-E279-27ED-5C505C19C75A}"/>
              </a:ext>
            </a:extLst>
          </p:cNvPr>
          <p:cNvSpPr/>
          <p:nvPr/>
        </p:nvSpPr>
        <p:spPr>
          <a:xfrm>
            <a:off x="7089" y="701626"/>
            <a:ext cx="12192000" cy="2955973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제목 1">
            <a:extLst>
              <a:ext uri="{FF2B5EF4-FFF2-40B4-BE49-F238E27FC236}">
                <a16:creationId xmlns:a16="http://schemas.microsoft.com/office/drawing/2014/main" id="{D0BA03CE-5ACF-1F09-25F6-8DDC6315FDED}"/>
              </a:ext>
            </a:extLst>
          </p:cNvPr>
          <p:cNvSpPr>
            <a:spLocks noGrp="1"/>
          </p:cNvSpPr>
          <p:nvPr>
            <p:ph type="ctrTitle" idx="4294967295"/>
          </p:nvPr>
        </p:nvSpPr>
        <p:spPr>
          <a:xfrm>
            <a:off x="5503295" y="1745207"/>
            <a:ext cx="6863196" cy="1144696"/>
          </a:xfrm>
          <a:scene3d>
            <a:camera prst="isometricOffAxis2Left">
              <a:rot lat="20999997" lon="600001" rev="21480000"/>
            </a:camera>
            <a:lightRig rig="contrasting" dir="t"/>
          </a:scene3d>
        </p:spPr>
        <p:txBody>
          <a:bodyPr>
            <a:noAutofit/>
            <a:sp3d extrusionH="635000">
              <a:extrusionClr>
                <a:srgbClr val="05668D"/>
              </a:extrusionClr>
            </a:sp3d>
          </a:bodyPr>
          <a:lstStyle/>
          <a:p>
            <a:r>
              <a:rPr lang="en-US" altLang="ko-KR" sz="6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  <a:cs typeface="Mangal" panose="020B0502040204020203" pitchFamily="18" charset="0"/>
              </a:rPr>
              <a:t>Dog With You</a:t>
            </a:r>
            <a:endParaRPr lang="ko-KR" altLang="en-US" sz="600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  <a:cs typeface="Mangal" panose="020B0502040204020203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80498459-F131-35F5-7FEA-085E99565419}"/>
              </a:ext>
            </a:extLst>
          </p:cNvPr>
          <p:cNvSpPr txBox="1"/>
          <p:nvPr/>
        </p:nvSpPr>
        <p:spPr>
          <a:xfrm>
            <a:off x="5883349" y="4711570"/>
            <a:ext cx="6103089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altLang="ko-KR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TEAM </a:t>
            </a:r>
            <a:r>
              <a:rPr lang="ko-KR" altLang="en-US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구디의봄</a:t>
            </a:r>
            <a:endParaRPr lang="en-US" altLang="ko-KR" sz="4400">
              <a:ln w="22225">
                <a:solidFill>
                  <a:srgbClr val="427AA1"/>
                </a:solidFill>
              </a:ln>
              <a:solidFill>
                <a:srgbClr val="FFFFFF"/>
              </a:solidFill>
              <a:effectLst>
                <a:outerShdw blurRad="50800" dist="25400" dir="17100000" algn="ctr" rotWithShape="0">
                  <a:schemeClr val="bg1"/>
                </a:outerShdw>
              </a:effectLst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5" name="직사각형 4">
            <a:extLst>
              <a:ext uri="{FF2B5EF4-FFF2-40B4-BE49-F238E27FC236}">
                <a16:creationId xmlns:a16="http://schemas.microsoft.com/office/drawing/2014/main" id="{D9105840-58EC-51F4-B955-DEC73971F66D}"/>
              </a:ext>
            </a:extLst>
          </p:cNvPr>
          <p:cNvSpPr/>
          <p:nvPr/>
        </p:nvSpPr>
        <p:spPr>
          <a:xfrm>
            <a:off x="191386" y="843516"/>
            <a:ext cx="11795052" cy="2629977"/>
          </a:xfrm>
          <a:prstGeom prst="rect">
            <a:avLst/>
          </a:prstGeom>
          <a:noFill/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493CDCFF-CC68-55F3-8742-611C43563D0E}"/>
              </a:ext>
            </a:extLst>
          </p:cNvPr>
          <p:cNvSpPr txBox="1"/>
          <p:nvPr/>
        </p:nvSpPr>
        <p:spPr>
          <a:xfrm>
            <a:off x="382773" y="1027814"/>
            <a:ext cx="163032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구디아카데미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E2F1DCA-92B2-C790-E2E8-C262E617B2F6}"/>
              </a:ext>
            </a:extLst>
          </p:cNvPr>
          <p:cNvSpPr txBox="1"/>
          <p:nvPr/>
        </p:nvSpPr>
        <p:spPr>
          <a:xfrm>
            <a:off x="7449878" y="2710858"/>
            <a:ext cx="44727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반려동물과 함께 하는 여행추천 싸이트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8DE6559-AFC5-6C93-4ACF-7366F2C13ECC}"/>
              </a:ext>
            </a:extLst>
          </p:cNvPr>
          <p:cNvSpPr txBox="1"/>
          <p:nvPr/>
        </p:nvSpPr>
        <p:spPr>
          <a:xfrm>
            <a:off x="7407349" y="5546652"/>
            <a:ext cx="5210384" cy="8002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유경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</a:p>
          <a:p>
            <a:endParaRPr lang="ko-KR" altLang="en-US"/>
          </a:p>
        </p:txBody>
      </p:sp>
      <p:cxnSp>
        <p:nvCxnSpPr>
          <p:cNvPr id="10" name="직선 연결선 9">
            <a:extLst>
              <a:ext uri="{FF2B5EF4-FFF2-40B4-BE49-F238E27FC236}">
                <a16:creationId xmlns:a16="http://schemas.microsoft.com/office/drawing/2014/main" id="{C9DC09B9-EB8F-B2BD-70C7-326C5509911F}"/>
              </a:ext>
            </a:extLst>
          </p:cNvPr>
          <p:cNvCxnSpPr>
            <a:cxnSpLocks/>
          </p:cNvCxnSpPr>
          <p:nvPr/>
        </p:nvCxnSpPr>
        <p:spPr>
          <a:xfrm>
            <a:off x="7116724" y="4718343"/>
            <a:ext cx="226825" cy="123783"/>
          </a:xfrm>
          <a:prstGeom prst="line">
            <a:avLst/>
          </a:prstGeom>
          <a:ln w="34925">
            <a:solidFill>
              <a:schemeClr val="accent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1" name="직선 연결선 10">
            <a:extLst>
              <a:ext uri="{FF2B5EF4-FFF2-40B4-BE49-F238E27FC236}">
                <a16:creationId xmlns:a16="http://schemas.microsoft.com/office/drawing/2014/main" id="{1F6C7980-7FA9-00C4-DDD4-79951867C5CF}"/>
              </a:ext>
            </a:extLst>
          </p:cNvPr>
          <p:cNvCxnSpPr>
            <a:cxnSpLocks/>
          </p:cNvCxnSpPr>
          <p:nvPr/>
        </p:nvCxnSpPr>
        <p:spPr>
          <a:xfrm>
            <a:off x="7173431" y="5049614"/>
            <a:ext cx="113413" cy="0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2" name="직선 연결선 11">
            <a:extLst>
              <a:ext uri="{FF2B5EF4-FFF2-40B4-BE49-F238E27FC236}">
                <a16:creationId xmlns:a16="http://schemas.microsoft.com/office/drawing/2014/main" id="{4A510E3D-892A-4820-8881-080132E60D16}"/>
              </a:ext>
            </a:extLst>
          </p:cNvPr>
          <p:cNvCxnSpPr>
            <a:cxnSpLocks/>
          </p:cNvCxnSpPr>
          <p:nvPr/>
        </p:nvCxnSpPr>
        <p:spPr>
          <a:xfrm>
            <a:off x="7407349" y="4527464"/>
            <a:ext cx="42529" cy="138699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8428653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직사각형 7">
            <a:extLst>
              <a:ext uri="{FF2B5EF4-FFF2-40B4-BE49-F238E27FC236}">
                <a16:creationId xmlns:a16="http://schemas.microsoft.com/office/drawing/2014/main" id="{921CAA84-7AF4-67EE-FE51-B9F0F04A8C07}"/>
              </a:ext>
            </a:extLst>
          </p:cNvPr>
          <p:cNvSpPr/>
          <p:nvPr/>
        </p:nvSpPr>
        <p:spPr>
          <a:xfrm>
            <a:off x="2442491" y="2313616"/>
            <a:ext cx="7322288" cy="3970581"/>
          </a:xfrm>
          <a:prstGeom prst="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 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10" name="그룹 9">
            <a:extLst>
              <a:ext uri="{FF2B5EF4-FFF2-40B4-BE49-F238E27FC236}">
                <a16:creationId xmlns:a16="http://schemas.microsoft.com/office/drawing/2014/main" id="{3A5BF1D2-03AB-8357-1FF1-FC526D316D8C}"/>
              </a:ext>
            </a:extLst>
          </p:cNvPr>
          <p:cNvGrpSpPr/>
          <p:nvPr/>
        </p:nvGrpSpPr>
        <p:grpSpPr>
          <a:xfrm>
            <a:off x="404036" y="2077493"/>
            <a:ext cx="5479384" cy="3970581"/>
            <a:chOff x="2957991" y="1980304"/>
            <a:chExt cx="7112683" cy="3751571"/>
          </a:xfrm>
        </p:grpSpPr>
        <p:sp>
          <p:nvSpPr>
            <p:cNvPr id="9" name="직사각형 8">
              <a:extLst>
                <a:ext uri="{FF2B5EF4-FFF2-40B4-BE49-F238E27FC236}">
                  <a16:creationId xmlns:a16="http://schemas.microsoft.com/office/drawing/2014/main" id="{111A8F42-BAC6-4C43-0655-AA7BF4E774FF}"/>
                </a:ext>
              </a:extLst>
            </p:cNvPr>
            <p:cNvSpPr/>
            <p:nvPr/>
          </p:nvSpPr>
          <p:spPr>
            <a:xfrm>
              <a:off x="2957991" y="1980304"/>
              <a:ext cx="7112683" cy="3751571"/>
            </a:xfrm>
            <a:prstGeom prst="rect">
              <a:avLst/>
            </a:prstGeom>
            <a:solidFill>
              <a:srgbClr val="6A9EC2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pic>
          <p:nvPicPr>
            <p:cNvPr id="7" name="그림 6">
              <a:extLst>
                <a:ext uri="{FF2B5EF4-FFF2-40B4-BE49-F238E27FC236}">
                  <a16:creationId xmlns:a16="http://schemas.microsoft.com/office/drawing/2014/main" id="{954E03B4-B6D4-85B4-D931-858587DD3A68}"/>
                </a:ext>
              </a:extLst>
            </p:cNvPr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3011832" y="2024425"/>
              <a:ext cx="7002216" cy="3657050"/>
            </a:xfrm>
            <a:prstGeom prst="rect">
              <a:avLst/>
            </a:prstGeom>
          </p:spPr>
        </p:pic>
      </p:grpSp>
      <p:pic>
        <p:nvPicPr>
          <p:cNvPr id="12" name="그림 11">
            <a:extLst>
              <a:ext uri="{FF2B5EF4-FFF2-40B4-BE49-F238E27FC236}">
                <a16:creationId xmlns:a16="http://schemas.microsoft.com/office/drawing/2014/main" id="{9251D519-637B-A2B3-CD0A-342C2770D55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308579" y="2105973"/>
            <a:ext cx="5479385" cy="3906976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18" name="TextBox 17">
            <a:extLst>
              <a:ext uri="{FF2B5EF4-FFF2-40B4-BE49-F238E27FC236}">
                <a16:creationId xmlns:a16="http://schemas.microsoft.com/office/drawing/2014/main" id="{5E0C2DA9-FD21-99D7-33D6-F1D51987DDD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로그인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, </a:t>
            </a:r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회원가입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3540325167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E1CAFFDE-AE6D-F055-0513-9B97105A76E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마이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41C2ECAE-412C-B22D-825A-9D551473A3D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731473" y="1359206"/>
            <a:ext cx="6687894" cy="347802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7" name="그림 6">
            <a:extLst>
              <a:ext uri="{FF2B5EF4-FFF2-40B4-BE49-F238E27FC236}">
                <a16:creationId xmlns:a16="http://schemas.microsoft.com/office/drawing/2014/main" id="{719759FF-6327-7F91-8FFB-3EFFB16546BB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70344" y="4973339"/>
            <a:ext cx="10349023" cy="139047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877435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1DBE6B84-18FF-3910-7034-4C6AE091AA0F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메인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5F3891EF-100C-0923-E9D7-E6262DA11619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8579"/>
          <a:stretch/>
        </p:blipFill>
        <p:spPr>
          <a:xfrm>
            <a:off x="1963737" y="2129946"/>
            <a:ext cx="7966816" cy="420983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19013217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AD69C517-D6A2-9438-B9C5-5AC901C52597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지역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 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카테고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6E4509F3-15AA-2BFF-552B-BF3DADC7D1B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24224" y="1828772"/>
            <a:ext cx="7676706" cy="441457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253520728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장소 카테고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, 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상세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CAE8E85D-1530-694D-917A-1C12137C135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9182" y="1971654"/>
            <a:ext cx="6262744" cy="433989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8" name="그림 7">
            <a:extLst>
              <a:ext uri="{FF2B5EF4-FFF2-40B4-BE49-F238E27FC236}">
                <a16:creationId xmlns:a16="http://schemas.microsoft.com/office/drawing/2014/main" id="{AA2985B3-4D6F-42CE-D8FF-2424F838F97E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90316" y="2723022"/>
            <a:ext cx="4886127" cy="254363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33531772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647E0E79-2AB9-9FE6-3D29-69E777FB5B83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내용 개체 틀 4">
            <a:extLst>
              <a:ext uri="{FF2B5EF4-FFF2-40B4-BE49-F238E27FC236}">
                <a16:creationId xmlns:a16="http://schemas.microsoft.com/office/drawing/2014/main" id="{8251DFF0-AA73-D5D8-FD1D-36E7D9283DF6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376313" y="1891109"/>
            <a:ext cx="9099131" cy="435133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29564347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60DB516F-2EB3-E335-0789-737BCE3C9096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내용 개체 틀 4">
            <a:extLst>
              <a:ext uri="{FF2B5EF4-FFF2-40B4-BE49-F238E27FC236}">
                <a16:creationId xmlns:a16="http://schemas.microsoft.com/office/drawing/2014/main" id="{B40C138C-25F1-CCBC-E36B-AF29A72DC6EE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47472" y="1980304"/>
            <a:ext cx="6812528" cy="428820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내용 개체 틀 3">
            <a:extLst>
              <a:ext uri="{FF2B5EF4-FFF2-40B4-BE49-F238E27FC236}">
                <a16:creationId xmlns:a16="http://schemas.microsoft.com/office/drawing/2014/main" id="{B43A73D0-D410-0482-515E-8ECB7205061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031960" y="1320646"/>
            <a:ext cx="3634103" cy="494785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772786519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83E85E0F-C15D-DDB5-8ABE-1B47A71977C4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 페이지 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내용 개체 틀 4">
            <a:extLst>
              <a:ext uri="{FF2B5EF4-FFF2-40B4-BE49-F238E27FC236}">
                <a16:creationId xmlns:a16="http://schemas.microsoft.com/office/drawing/2014/main" id="{973DAA4A-2D0D-887E-A13C-AFBFE3F002F8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38200" y="2187723"/>
            <a:ext cx="10515600" cy="365257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80722008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5AA7C8AA-0DEC-9879-43F7-AE64ED536BE9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 페이지 게시판 상세조회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64052C68-D5DF-F4D7-16F9-D38E604FFAF0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736650" y="1869847"/>
            <a:ext cx="8271430" cy="4555501"/>
          </a:xfrm>
          <a:prstGeom prst="rect">
            <a:avLst/>
          </a:prstGeom>
          <a:ln w="28575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2185872611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3B1888F9-95FC-47A3-B492-D447D405E509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공통단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번호이(가) 표시된 사진&#10;&#10;자동 생성된 설명">
            <a:extLst>
              <a:ext uri="{FF2B5EF4-FFF2-40B4-BE49-F238E27FC236}">
                <a16:creationId xmlns:a16="http://schemas.microsoft.com/office/drawing/2014/main" id="{6C6305B0-6EF6-6B8C-5569-0A81107F6E6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77398" y="4133697"/>
            <a:ext cx="4532593" cy="185640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007906C2-DE99-484E-430B-3F6D0541CE5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4718" y="2108507"/>
            <a:ext cx="5699479" cy="295339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6" name="직사각형 5">
            <a:extLst>
              <a:ext uri="{FF2B5EF4-FFF2-40B4-BE49-F238E27FC236}">
                <a16:creationId xmlns:a16="http://schemas.microsoft.com/office/drawing/2014/main" id="{6737BD0C-2B82-7307-D9DD-B19E9E6B7845}"/>
              </a:ext>
            </a:extLst>
          </p:cNvPr>
          <p:cNvSpPr/>
          <p:nvPr/>
        </p:nvSpPr>
        <p:spPr>
          <a:xfrm>
            <a:off x="7594937" y="2436954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헤더</a:t>
            </a:r>
          </a:p>
        </p:txBody>
      </p:sp>
      <p:sp>
        <p:nvSpPr>
          <p:cNvPr id="8" name="직사각형 7">
            <a:extLst>
              <a:ext uri="{FF2B5EF4-FFF2-40B4-BE49-F238E27FC236}">
                <a16:creationId xmlns:a16="http://schemas.microsoft.com/office/drawing/2014/main" id="{E92141E1-E541-4B12-A95C-66E9B23FC4D6}"/>
              </a:ext>
            </a:extLst>
          </p:cNvPr>
          <p:cNvSpPr/>
          <p:nvPr/>
        </p:nvSpPr>
        <p:spPr>
          <a:xfrm>
            <a:off x="7594938" y="301563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2BBFD09-1E95-AB41-9884-3EFAF7BDE9FB}"/>
              </a:ext>
            </a:extLst>
          </p:cNvPr>
          <p:cNvSpPr/>
          <p:nvPr/>
        </p:nvSpPr>
        <p:spPr>
          <a:xfrm>
            <a:off x="10419654" y="3561163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푸터</a:t>
            </a:r>
          </a:p>
        </p:txBody>
      </p:sp>
      <p:cxnSp>
        <p:nvCxnSpPr>
          <p:cNvPr id="13" name="직선 연결선 12">
            <a:extLst>
              <a:ext uri="{FF2B5EF4-FFF2-40B4-BE49-F238E27FC236}">
                <a16:creationId xmlns:a16="http://schemas.microsoft.com/office/drawing/2014/main" id="{86E66A42-63B0-D904-E26F-C9775B5E828A}"/>
              </a:ext>
            </a:extLst>
          </p:cNvPr>
          <p:cNvCxnSpPr>
            <a:cxnSpLocks/>
            <a:endCxn id="6" idx="1"/>
          </p:cNvCxnSpPr>
          <p:nvPr/>
        </p:nvCxnSpPr>
        <p:spPr>
          <a:xfrm>
            <a:off x="6724196" y="2599582"/>
            <a:ext cx="870741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7" name="직선 연결선 16">
            <a:extLst>
              <a:ext uri="{FF2B5EF4-FFF2-40B4-BE49-F238E27FC236}">
                <a16:creationId xmlns:a16="http://schemas.microsoft.com/office/drawing/2014/main" id="{83C04F6B-7C7B-4BD3-8432-927D6D7FB1A3}"/>
              </a:ext>
            </a:extLst>
          </p:cNvPr>
          <p:cNvCxnSpPr>
            <a:endCxn id="8" idx="0"/>
          </p:cNvCxnSpPr>
          <p:nvPr/>
        </p:nvCxnSpPr>
        <p:spPr>
          <a:xfrm>
            <a:off x="8016949" y="2762209"/>
            <a:ext cx="0" cy="25342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9" name="직선 연결선 18">
            <a:extLst>
              <a:ext uri="{FF2B5EF4-FFF2-40B4-BE49-F238E27FC236}">
                <a16:creationId xmlns:a16="http://schemas.microsoft.com/office/drawing/2014/main" id="{7A7443FF-FDC8-B6AA-43CE-FE222872492B}"/>
              </a:ext>
            </a:extLst>
          </p:cNvPr>
          <p:cNvCxnSpPr>
            <a:stCxn id="11" idx="2"/>
          </p:cNvCxnSpPr>
          <p:nvPr/>
        </p:nvCxnSpPr>
        <p:spPr>
          <a:xfrm>
            <a:off x="10861512" y="3886418"/>
            <a:ext cx="4962" cy="24727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85080486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CC06B963-8CEE-7F8C-093A-DB5B9BE5351B}"/>
              </a:ext>
            </a:extLst>
          </p:cNvPr>
          <p:cNvSpPr/>
          <p:nvPr/>
        </p:nvSpPr>
        <p:spPr bwMode="auto">
          <a:xfrm>
            <a:off x="1" y="0"/>
            <a:ext cx="5231780" cy="6858000"/>
          </a:xfrm>
          <a:prstGeom prst="rect">
            <a:avLst/>
          </a:prstGeom>
          <a:solidFill>
            <a:srgbClr val="427AA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r>
              <a:rPr lang="ko-KR" altLang="en-US" sz="4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목차</a:t>
            </a:r>
            <a:endParaRPr lang="ko-KR" altLang="en-US" sz="4000" dirty="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3" name="그림 5">
            <a:extLst>
              <a:ext uri="{FF2B5EF4-FFF2-40B4-BE49-F238E27FC236}">
                <a16:creationId xmlns:a16="http://schemas.microsoft.com/office/drawing/2014/main" id="{1B0F6A8D-21CE-01BA-D77E-B2BFC18FDC7B}"/>
              </a:ext>
            </a:extLst>
          </p:cNvPr>
          <p:cNvPicPr preferRelativeResize="0"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5231778" y="0"/>
            <a:ext cx="396169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AC446F93-21DA-977F-3868-10AF07DFBBEB}"/>
              </a:ext>
            </a:extLst>
          </p:cNvPr>
          <p:cNvSpPr txBox="1"/>
          <p:nvPr/>
        </p:nvSpPr>
        <p:spPr>
          <a:xfrm>
            <a:off x="6285367" y="1159295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1. </a:t>
            </a:r>
            <a:r>
              <a:rPr lang="ko-KR" altLang="en-US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9990DCE9-B76E-1E92-22AB-18034A5C8FB0}"/>
              </a:ext>
            </a:extLst>
          </p:cNvPr>
          <p:cNvSpPr txBox="1"/>
          <p:nvPr/>
        </p:nvSpPr>
        <p:spPr>
          <a:xfrm>
            <a:off x="6262629" y="3030917"/>
            <a:ext cx="5430979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3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6524BC80-5AFD-093F-8C3C-4692B5C141E5}"/>
              </a:ext>
            </a:extLst>
          </p:cNvPr>
          <p:cNvSpPr txBox="1"/>
          <p:nvPr/>
        </p:nvSpPr>
        <p:spPr>
          <a:xfrm>
            <a:off x="6262629" y="2062302"/>
            <a:ext cx="5453716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2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팀 구성과 역할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C5452906-85C5-96CC-70B3-F9A91D7BDCCE}"/>
              </a:ext>
            </a:extLst>
          </p:cNvPr>
          <p:cNvSpPr txBox="1"/>
          <p:nvPr/>
        </p:nvSpPr>
        <p:spPr>
          <a:xfrm>
            <a:off x="6285367" y="3999532"/>
            <a:ext cx="4708698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4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04F27289-C8D5-9C7D-7425-EC6FD1CCB20B}"/>
              </a:ext>
            </a:extLst>
          </p:cNvPr>
          <p:cNvSpPr txBox="1"/>
          <p:nvPr/>
        </p:nvSpPr>
        <p:spPr>
          <a:xfrm>
            <a:off x="6285367" y="4968147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5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</p:spTree>
    <p:extLst>
      <p:ext uri="{BB962C8B-B14F-4D97-AF65-F5344CB8AC3E}">
        <p14:creationId xmlns:p14="http://schemas.microsoft.com/office/powerpoint/2010/main" val="1227121415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개, 스크린샷, 포유류이(가) 표시된 사진&#10;&#10;자동 생성된 설명">
            <a:extLst>
              <a:ext uri="{FF2B5EF4-FFF2-40B4-BE49-F238E27FC236}">
                <a16:creationId xmlns:a16="http://schemas.microsoft.com/office/drawing/2014/main" id="{3D313C49-8A15-10B1-B4DF-769E7571975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1246" y="1980304"/>
            <a:ext cx="7889508" cy="41074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80464574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 이벤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 descr="텍스트, 스크린샷, 번호, 소프트웨어이(가) 표시된 사진&#10;&#10;자동 생성된 설명">
            <a:extLst>
              <a:ext uri="{FF2B5EF4-FFF2-40B4-BE49-F238E27FC236}">
                <a16:creationId xmlns:a16="http://schemas.microsoft.com/office/drawing/2014/main" id="{2188E90A-C363-C516-3AF8-9F577EB638A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68595" y="1915672"/>
            <a:ext cx="5998939" cy="3110445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8" name="그림 7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2FFB040C-FF77-F466-6D0F-BA9F919D7DB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46561" y="1537056"/>
            <a:ext cx="5090455" cy="264215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텍스트, 스크린샷, 폰트, 화이트이(가) 표시된 사진&#10;&#10;자동 생성된 설명">
            <a:extLst>
              <a:ext uri="{FF2B5EF4-FFF2-40B4-BE49-F238E27FC236}">
                <a16:creationId xmlns:a16="http://schemas.microsoft.com/office/drawing/2014/main" id="{783F649A-2FA8-FF20-B873-7BFDD0E7909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19446" y="4377794"/>
            <a:ext cx="5729153" cy="213099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739638274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사용자화면 이벤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7AF4606D-9E4C-6D63-EAFE-BA1A1BEEE30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52310" y="2810923"/>
            <a:ext cx="5006927" cy="310989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10742711-A039-27DB-507B-CF642BA048B2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46561" y="2810927"/>
            <a:ext cx="4691590" cy="310989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229046067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 페이지 회원관리 및 삭제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번호, 소프트웨어이(가) 표시된 사진&#10;&#10;자동 생성된 설명">
            <a:extLst>
              <a:ext uri="{FF2B5EF4-FFF2-40B4-BE49-F238E27FC236}">
                <a16:creationId xmlns:a16="http://schemas.microsoft.com/office/drawing/2014/main" id="{BB39540A-110B-4433-B3FB-49C77C73028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2832" y="1892212"/>
            <a:ext cx="7041611" cy="366574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번호, 폰트이(가) 표시된 사진&#10;&#10;자동 생성된 설명">
            <a:extLst>
              <a:ext uri="{FF2B5EF4-FFF2-40B4-BE49-F238E27FC236}">
                <a16:creationId xmlns:a16="http://schemas.microsoft.com/office/drawing/2014/main" id="{CF005432-CB71-033D-8FC2-EF6FE269C67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58047" y="3846640"/>
            <a:ext cx="6310312" cy="257870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690286675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 장소관리 및 삭제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번호, 폰트이(가) 표시된 사진&#10;&#10;자동 생성된 설명">
            <a:extLst>
              <a:ext uri="{FF2B5EF4-FFF2-40B4-BE49-F238E27FC236}">
                <a16:creationId xmlns:a16="http://schemas.microsoft.com/office/drawing/2014/main" id="{89240366-4567-4B44-FCCC-88D3B21C1E8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0561" y="1980304"/>
            <a:ext cx="7092099" cy="368463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번호, 폰트이(가) 표시된 사진&#10;&#10;자동 생성된 설명">
            <a:extLst>
              <a:ext uri="{FF2B5EF4-FFF2-40B4-BE49-F238E27FC236}">
                <a16:creationId xmlns:a16="http://schemas.microsoft.com/office/drawing/2014/main" id="{AED209ED-59EF-5117-FF98-C7EB2D1821D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17436" y="4074791"/>
            <a:ext cx="5992555" cy="2394966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417329055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경과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840279" y="1065465"/>
            <a:ext cx="4869712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97B8E89A-887A-4186-97F1-7C1C0991EC55}"/>
              </a:ext>
            </a:extLst>
          </p:cNvPr>
          <p:cNvSpPr txBox="1"/>
          <p:nvPr/>
        </p:nvSpPr>
        <p:spPr>
          <a:xfrm>
            <a:off x="450561" y="1300041"/>
            <a:ext cx="102313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URL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9" name="그림 8">
            <a:hlinkClick r:id="rId2"/>
            <a:extLst>
              <a:ext uri="{FF2B5EF4-FFF2-40B4-BE49-F238E27FC236}">
                <a16:creationId xmlns:a16="http://schemas.microsoft.com/office/drawing/2014/main" id="{117B5699-F96F-42F0-A776-67CC8F1360AC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70277" y="1526126"/>
            <a:ext cx="8659101" cy="455003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26547522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301255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altLang="ko-KR" sz="1800">
                <a:latin typeface="+mj-ea"/>
                <a:ea typeface="+mj-ea"/>
              </a:rPr>
              <a:t>- </a:t>
            </a:r>
            <a:r>
              <a:rPr lang="ko-KR" altLang="en-US" sz="1800">
                <a:latin typeface="+mj-ea"/>
                <a:ea typeface="+mj-ea"/>
              </a:rPr>
              <a:t>구현 기능</a:t>
            </a:r>
            <a:r>
              <a:rPr lang="en-US" altLang="ko-KR" sz="1800">
                <a:latin typeface="+mj-ea"/>
                <a:ea typeface="+mj-ea"/>
              </a:rPr>
              <a:t>: </a:t>
            </a:r>
            <a:r>
              <a:rPr lang="ko-KR" altLang="en-US" sz="1800">
                <a:latin typeface="+mj-ea"/>
                <a:ea typeface="+mj-ea"/>
              </a:rPr>
              <a:t>관리자 페이지 및 이벤트 페이지의 </a:t>
            </a:r>
            <a:r>
              <a:rPr lang="en-US" altLang="ko-KR" sz="1800">
                <a:latin typeface="+mj-ea"/>
                <a:ea typeface="+mj-ea"/>
              </a:rPr>
              <a:t>CRUD </a:t>
            </a:r>
            <a:r>
              <a:rPr lang="ko-KR" altLang="en-US" sz="1800">
                <a:latin typeface="+mj-ea"/>
                <a:ea typeface="+mj-ea"/>
              </a:rPr>
              <a:t>기능 구현</a:t>
            </a:r>
            <a:r>
              <a:rPr lang="en-US" altLang="ko-KR" sz="1800">
                <a:latin typeface="+mj-ea"/>
                <a:ea typeface="+mj-ea"/>
              </a:rPr>
              <a:t>. </a:t>
            </a:r>
            <a:r>
              <a:rPr lang="ko-KR" altLang="en-US" sz="1800">
                <a:latin typeface="+mj-ea"/>
                <a:ea typeface="+mj-ea"/>
              </a:rPr>
              <a:t>전체 화면 공통 </a:t>
            </a:r>
            <a:r>
              <a:rPr lang="en-US" altLang="ko-KR" sz="1800">
                <a:latin typeface="+mj-ea"/>
                <a:ea typeface="+mj-ea"/>
              </a:rPr>
              <a:t>UI </a:t>
            </a:r>
            <a:r>
              <a:rPr lang="ko-KR" altLang="en-US" sz="1800">
                <a:latin typeface="+mj-ea"/>
                <a:ea typeface="+mj-ea"/>
              </a:rPr>
              <a:t>요소</a:t>
            </a:r>
            <a:r>
              <a:rPr lang="en-US" altLang="ko-KR" sz="1800">
                <a:latin typeface="+mj-ea"/>
                <a:ea typeface="+mj-ea"/>
              </a:rPr>
              <a:t>(</a:t>
            </a:r>
            <a:r>
              <a:rPr lang="ko-KR" altLang="en-US" sz="1800">
                <a:latin typeface="+mj-ea"/>
                <a:ea typeface="+mj-ea"/>
              </a:rPr>
              <a:t>헤더</a:t>
            </a:r>
            <a:r>
              <a:rPr lang="en-US" altLang="ko-KR" sz="1800">
                <a:latin typeface="+mj-ea"/>
                <a:ea typeface="+mj-ea"/>
              </a:rPr>
              <a:t>, </a:t>
            </a:r>
            <a:r>
              <a:rPr lang="ko-KR" altLang="en-US" sz="1800">
                <a:latin typeface="+mj-ea"/>
                <a:ea typeface="+mj-ea"/>
              </a:rPr>
              <a:t>푸터</a:t>
            </a:r>
            <a:r>
              <a:rPr lang="en-US" altLang="ko-KR" sz="1800">
                <a:latin typeface="+mj-ea"/>
                <a:ea typeface="+mj-ea"/>
              </a:rPr>
              <a:t>, </a:t>
            </a:r>
            <a:r>
              <a:rPr lang="ko-KR" altLang="en-US" sz="1800">
                <a:latin typeface="+mj-ea"/>
                <a:ea typeface="+mj-ea"/>
              </a:rPr>
              <a:t>에러 등</a:t>
            </a:r>
            <a:r>
              <a:rPr lang="en-US" altLang="ko-KR" sz="1800">
                <a:latin typeface="+mj-ea"/>
                <a:ea typeface="+mj-ea"/>
              </a:rPr>
              <a:t>) </a:t>
            </a:r>
            <a:r>
              <a:rPr lang="ko-KR" altLang="en-US" sz="1800">
                <a:latin typeface="+mj-ea"/>
                <a:ea typeface="+mj-ea"/>
              </a:rPr>
              <a:t>디자인 및 구현</a:t>
            </a:r>
            <a:r>
              <a:rPr lang="en-US" altLang="ko-KR" sz="1800">
                <a:latin typeface="+mj-ea"/>
                <a:ea typeface="+mj-ea"/>
              </a:rPr>
              <a:t>.</a:t>
            </a:r>
            <a:endParaRPr lang="en-US" altLang="ko-KR" sz="1800" dirty="0">
              <a:latin typeface="+mj-ea"/>
              <a:ea typeface="+mj-ea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5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CCCF7FB0-14F1-4559-BB61-7147F7A84B38}"/>
              </a:ext>
            </a:extLst>
          </p:cNvPr>
          <p:cNvSpPr txBox="1"/>
          <p:nvPr/>
        </p:nvSpPr>
        <p:spPr>
          <a:xfrm>
            <a:off x="482009" y="2084856"/>
            <a:ext cx="11227982" cy="377827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lnSpc>
                <a:spcPct val="150000"/>
              </a:lnSpc>
              <a:buAutoNum type="arabicPeriod"/>
            </a:pPr>
            <a:r>
              <a:rPr lang="ko-KR" altLang="en-US" dirty="0"/>
              <a:t>부족한 사용자 상호 작용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사용자가 직접적으로 참여할 수 있는 기능이 부족함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Ex)</a:t>
            </a:r>
            <a:r>
              <a:rPr lang="ko-KR" altLang="en-US" dirty="0"/>
              <a:t> 다양한 설문 조사</a:t>
            </a:r>
            <a:r>
              <a:rPr lang="en-US" altLang="ko-KR" dirty="0"/>
              <a:t>, </a:t>
            </a:r>
            <a:r>
              <a:rPr lang="ko-KR" altLang="en-US" dirty="0"/>
              <a:t>고객센터</a:t>
            </a:r>
            <a:endParaRPr lang="en-US" altLang="ko-KR" dirty="0"/>
          </a:p>
          <a:p>
            <a:pPr>
              <a:lnSpc>
                <a:spcPct val="150000"/>
              </a:lnSpc>
            </a:pP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2. </a:t>
            </a:r>
            <a:r>
              <a:rPr lang="ko-KR" altLang="en-US" dirty="0"/>
              <a:t>사이트 보안성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사용자 인증 데이터가 서버에 저장되어 세션 </a:t>
            </a:r>
            <a:r>
              <a:rPr lang="ko-KR" altLang="en-US" dirty="0" err="1"/>
              <a:t>하이재킹의</a:t>
            </a:r>
            <a:r>
              <a:rPr lang="ko-KR" altLang="en-US" dirty="0"/>
              <a:t> 위험을 가짐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관리자 페이지 세션 관리</a:t>
            </a:r>
            <a:r>
              <a:rPr lang="en-US" altLang="ko-KR" dirty="0"/>
              <a:t>(</a:t>
            </a:r>
            <a:r>
              <a:rPr lang="ko-KR" altLang="en-US" dirty="0"/>
              <a:t>타임아웃 설정</a:t>
            </a:r>
            <a:r>
              <a:rPr lang="en-US" altLang="ko-KR" dirty="0"/>
              <a:t>, </a:t>
            </a:r>
            <a:r>
              <a:rPr lang="ko-KR" altLang="en-US" dirty="0"/>
              <a:t>세션 고정 공격 방지</a:t>
            </a:r>
            <a:r>
              <a:rPr lang="en-US" altLang="ko-KR" dirty="0"/>
              <a:t>) </a:t>
            </a:r>
            <a:r>
              <a:rPr lang="ko-KR" altLang="en-US" dirty="0"/>
              <a:t>및 비밀번호 정책 강화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사용자 페이지 다단계 인증</a:t>
            </a:r>
            <a:r>
              <a:rPr lang="en-US" altLang="ko-KR" dirty="0"/>
              <a:t>(Multi-Factor Authentication, MFA)</a:t>
            </a:r>
            <a:r>
              <a:rPr lang="ko-KR" altLang="en-US" dirty="0"/>
              <a:t>인 추가적인 인증 단계를 요구해 보안 강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Ex) </a:t>
            </a:r>
            <a:r>
              <a:rPr lang="ko-KR" altLang="en-US" dirty="0"/>
              <a:t>이메일 인증 등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E630306-296F-4644-B0FD-1ACEF85641E1}"/>
              </a:ext>
            </a:extLst>
          </p:cNvPr>
          <p:cNvSpPr txBox="1"/>
          <p:nvPr/>
        </p:nvSpPr>
        <p:spPr>
          <a:xfrm>
            <a:off x="482009" y="1375498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512713613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301255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altLang="ko-KR" sz="1800">
                <a:latin typeface="+mj-ea"/>
                <a:ea typeface="+mj-ea"/>
              </a:rPr>
              <a:t>- </a:t>
            </a:r>
            <a:r>
              <a:rPr lang="ko-KR" altLang="en-US" sz="1800">
                <a:latin typeface="+mj-ea"/>
                <a:ea typeface="+mj-ea"/>
              </a:rPr>
              <a:t>구현 기능</a:t>
            </a:r>
            <a:r>
              <a:rPr lang="en-US" altLang="ko-KR" sz="1800">
                <a:latin typeface="+mj-ea"/>
                <a:ea typeface="+mj-ea"/>
              </a:rPr>
              <a:t>: </a:t>
            </a:r>
            <a:r>
              <a:rPr lang="ko-KR" altLang="en-US" sz="1800">
                <a:latin typeface="+mj-ea"/>
                <a:ea typeface="+mj-ea"/>
              </a:rPr>
              <a:t>관리자 페이지 및 이벤트 페이지의 </a:t>
            </a:r>
            <a:r>
              <a:rPr lang="en-US" altLang="ko-KR" sz="1800">
                <a:latin typeface="+mj-ea"/>
                <a:ea typeface="+mj-ea"/>
              </a:rPr>
              <a:t>CRUD </a:t>
            </a:r>
            <a:r>
              <a:rPr lang="ko-KR" altLang="en-US" sz="1800">
                <a:latin typeface="+mj-ea"/>
                <a:ea typeface="+mj-ea"/>
              </a:rPr>
              <a:t>기능 구현</a:t>
            </a:r>
            <a:r>
              <a:rPr lang="en-US" altLang="ko-KR" sz="1800">
                <a:latin typeface="+mj-ea"/>
                <a:ea typeface="+mj-ea"/>
              </a:rPr>
              <a:t>. </a:t>
            </a:r>
            <a:r>
              <a:rPr lang="ko-KR" altLang="en-US" sz="1800">
                <a:latin typeface="+mj-ea"/>
                <a:ea typeface="+mj-ea"/>
              </a:rPr>
              <a:t>전체 화면 공통 </a:t>
            </a:r>
            <a:r>
              <a:rPr lang="en-US" altLang="ko-KR" sz="1800">
                <a:latin typeface="+mj-ea"/>
                <a:ea typeface="+mj-ea"/>
              </a:rPr>
              <a:t>UI </a:t>
            </a:r>
            <a:r>
              <a:rPr lang="ko-KR" altLang="en-US" sz="1800">
                <a:latin typeface="+mj-ea"/>
                <a:ea typeface="+mj-ea"/>
              </a:rPr>
              <a:t>요소</a:t>
            </a:r>
            <a:r>
              <a:rPr lang="en-US" altLang="ko-KR" sz="1800">
                <a:latin typeface="+mj-ea"/>
                <a:ea typeface="+mj-ea"/>
              </a:rPr>
              <a:t>(</a:t>
            </a:r>
            <a:r>
              <a:rPr lang="ko-KR" altLang="en-US" sz="1800">
                <a:latin typeface="+mj-ea"/>
                <a:ea typeface="+mj-ea"/>
              </a:rPr>
              <a:t>헤더</a:t>
            </a:r>
            <a:r>
              <a:rPr lang="en-US" altLang="ko-KR" sz="1800">
                <a:latin typeface="+mj-ea"/>
                <a:ea typeface="+mj-ea"/>
              </a:rPr>
              <a:t>, </a:t>
            </a:r>
            <a:r>
              <a:rPr lang="ko-KR" altLang="en-US" sz="1800">
                <a:latin typeface="+mj-ea"/>
                <a:ea typeface="+mj-ea"/>
              </a:rPr>
              <a:t>푸터</a:t>
            </a:r>
            <a:r>
              <a:rPr lang="en-US" altLang="ko-KR" sz="1800">
                <a:latin typeface="+mj-ea"/>
                <a:ea typeface="+mj-ea"/>
              </a:rPr>
              <a:t>, </a:t>
            </a:r>
            <a:r>
              <a:rPr lang="ko-KR" altLang="en-US" sz="1800">
                <a:latin typeface="+mj-ea"/>
                <a:ea typeface="+mj-ea"/>
              </a:rPr>
              <a:t>에러 등</a:t>
            </a:r>
            <a:r>
              <a:rPr lang="en-US" altLang="ko-KR" sz="1800">
                <a:latin typeface="+mj-ea"/>
                <a:ea typeface="+mj-ea"/>
              </a:rPr>
              <a:t>) </a:t>
            </a:r>
            <a:r>
              <a:rPr lang="ko-KR" altLang="en-US" sz="1800">
                <a:latin typeface="+mj-ea"/>
                <a:ea typeface="+mj-ea"/>
              </a:rPr>
              <a:t>디자인 및 구현</a:t>
            </a:r>
            <a:r>
              <a:rPr lang="en-US" altLang="ko-KR" sz="1800">
                <a:latin typeface="+mj-ea"/>
                <a:ea typeface="+mj-ea"/>
              </a:rPr>
              <a:t>.</a:t>
            </a:r>
            <a:endParaRPr lang="en-US" altLang="ko-KR" sz="1800" dirty="0">
              <a:latin typeface="+mj-ea"/>
              <a:ea typeface="+mj-ea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 dirty="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5</a:t>
            </a:r>
            <a:endParaRPr lang="ko-KR" altLang="en-US" sz="6600" dirty="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CCCF7FB0-14F1-4559-BB61-7147F7A84B38}"/>
              </a:ext>
            </a:extLst>
          </p:cNvPr>
          <p:cNvSpPr txBox="1"/>
          <p:nvPr/>
        </p:nvSpPr>
        <p:spPr>
          <a:xfrm>
            <a:off x="482009" y="2180452"/>
            <a:ext cx="11227982" cy="336278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dirty="0"/>
              <a:t>3. </a:t>
            </a:r>
            <a:r>
              <a:rPr lang="ko-KR" altLang="en-US" dirty="0"/>
              <a:t>게시판</a:t>
            </a:r>
            <a:endParaRPr lang="en-US" altLang="ko-KR" dirty="0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dirty="0"/>
              <a:t>사용자 경험 상승을 위해 검색 기능 구현 필요</a:t>
            </a:r>
            <a:endParaRPr lang="en-US" altLang="ko-KR" dirty="0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dirty="0"/>
              <a:t>게시판 조회수</a:t>
            </a:r>
            <a:r>
              <a:rPr lang="en-US" altLang="ko-KR" dirty="0"/>
              <a:t>, </a:t>
            </a:r>
            <a:r>
              <a:rPr lang="ko-KR" altLang="en-US" dirty="0"/>
              <a:t>추천</a:t>
            </a:r>
            <a:r>
              <a:rPr lang="en-US" altLang="ko-KR" dirty="0"/>
              <a:t>, </a:t>
            </a:r>
            <a:r>
              <a:rPr lang="ko-KR" altLang="en-US" dirty="0" err="1"/>
              <a:t>대댓글을</a:t>
            </a:r>
            <a:r>
              <a:rPr lang="ko-KR" altLang="en-US" dirty="0"/>
              <a:t> 통해 커뮤니티 기능 강화</a:t>
            </a:r>
            <a:endParaRPr lang="en-US" altLang="ko-KR" dirty="0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dirty="0"/>
              <a:t>이미지 관련 오류에 대한 코드 수정 필요</a:t>
            </a:r>
            <a:endParaRPr lang="en-US" altLang="ko-KR" dirty="0"/>
          </a:p>
          <a:p>
            <a:pPr>
              <a:lnSpc>
                <a:spcPct val="150000"/>
              </a:lnSpc>
            </a:pP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4. </a:t>
            </a:r>
            <a:r>
              <a:rPr lang="ko-KR" altLang="en-US" dirty="0"/>
              <a:t>관리자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대시 보드 페이지 구현으로 사이트 전체 데이터 흐름을 파악할 수 있는 기능 구현 필요</a:t>
            </a:r>
            <a:endParaRPr lang="en-US" altLang="ko-KR" dirty="0"/>
          </a:p>
          <a:p>
            <a:pPr>
              <a:lnSpc>
                <a:spcPct val="150000"/>
              </a:lnSpc>
            </a:pPr>
            <a:r>
              <a:rPr lang="en-US" altLang="ko-KR" dirty="0"/>
              <a:t>- </a:t>
            </a:r>
            <a:r>
              <a:rPr lang="ko-KR" altLang="en-US" dirty="0"/>
              <a:t>각 페이지마다 </a:t>
            </a:r>
            <a:r>
              <a:rPr lang="ko-KR" altLang="en-US" dirty="0" err="1"/>
              <a:t>페이지네이션</a:t>
            </a:r>
            <a:r>
              <a:rPr lang="ko-KR" altLang="en-US" dirty="0"/>
              <a:t> 기능 추가 필요</a:t>
            </a:r>
            <a:endParaRPr lang="en-US" altLang="ko-KR" dirty="0"/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E630306-296F-4644-B0FD-1ACEF85641E1}"/>
              </a:ext>
            </a:extLst>
          </p:cNvPr>
          <p:cNvSpPr txBox="1"/>
          <p:nvPr/>
        </p:nvSpPr>
        <p:spPr>
          <a:xfrm>
            <a:off x="482009" y="1375498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2527496841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DBB52063-2D7A-5473-2677-F31FD3B5AAE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CD56CD5F-723C-8245-5F9D-054052639713}"/>
              </a:ext>
            </a:extLst>
          </p:cNvPr>
          <p:cNvSpPr txBox="1"/>
          <p:nvPr/>
        </p:nvSpPr>
        <p:spPr>
          <a:xfrm>
            <a:off x="569329" y="1757962"/>
            <a:ext cx="1105334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맹견을 제외한 제약조건없이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소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중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대형견모두 함께 할 수 있는 반려견 여행지 추천사이트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214B2453-3746-84EE-CD3E-D2FBD6D05019}"/>
              </a:ext>
            </a:extLst>
          </p:cNvPr>
          <p:cNvSpPr txBox="1"/>
          <p:nvPr/>
        </p:nvSpPr>
        <p:spPr>
          <a:xfrm>
            <a:off x="736335" y="2340057"/>
            <a:ext cx="9315834" cy="1980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전국 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6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도로 나누어 원하는 지역 선택할수있는 카테고리로 제공</a:t>
            </a: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서 제공하는 펜션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음식점 데이터내에서 예약 기능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설문조사를 통한 데이터기반 랜덤장소 추천 이벤트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이 사이트를 이용하는 반려인들과의 자유로운 소통과 정보 제공을 받을 수 있는 자유게시판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>
              <a:lnSpc>
                <a:spcPct val="150000"/>
              </a:lnSpc>
            </a:pP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ko-KR" altLang="en-US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  <p:pic>
        <p:nvPicPr>
          <p:cNvPr id="7" name="그림 6">
            <a:extLst>
              <a:ext uri="{FF2B5EF4-FFF2-40B4-BE49-F238E27FC236}">
                <a16:creationId xmlns:a16="http://schemas.microsoft.com/office/drawing/2014/main" id="{C3ECB432-7D1D-C364-77FB-F1D13958814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90430" y="3970220"/>
            <a:ext cx="4338219" cy="2584001"/>
          </a:xfrm>
          <a:prstGeom prst="rect">
            <a:avLst/>
          </a:prstGeom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C7DC35A8-C939-08E4-9961-12240C3B628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2658" y="3970220"/>
            <a:ext cx="4202438" cy="23753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14968650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6374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6883A76A-5660-1565-6D30-D3FC48E3A77D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 선정 이유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7604DB7-298C-8811-2DC0-8A98DC277A6A}"/>
              </a:ext>
            </a:extLst>
          </p:cNvPr>
          <p:cNvSpPr txBox="1"/>
          <p:nvPr/>
        </p:nvSpPr>
        <p:spPr>
          <a:xfrm>
            <a:off x="779387" y="1966655"/>
            <a:ext cx="4387893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인가구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딩크족 등이 증가하면서 반려동물을 키우는 사람들이 꾸준히 증가하고 있다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.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반려가구 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천만 시대라는 말이 나올정도로 반려동물과 관련된 시장도 지속적으로 성장하고 있는 추세</a:t>
            </a:r>
          </a:p>
          <a:p>
            <a:endParaRPr lang="ko-KR" altLang="en-US"/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099A82D1-7D2C-B7E0-866B-FBED7F71FF55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906227" y="1601232"/>
            <a:ext cx="5291787" cy="3090940"/>
          </a:xfrm>
          <a:prstGeom prst="rect">
            <a:avLst/>
          </a:prstGeom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6932A822-F974-D014-ED15-B0D5E490CEFE}"/>
              </a:ext>
            </a:extLst>
          </p:cNvPr>
          <p:cNvSpPr txBox="1"/>
          <p:nvPr/>
        </p:nvSpPr>
        <p:spPr>
          <a:xfrm>
            <a:off x="779387" y="5235791"/>
            <a:ext cx="8026554" cy="147732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소년중앙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반려가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552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만 시대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,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사람과 동물이 함께 행복하려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(2024.02.13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중앙일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</a:t>
            </a:r>
          </a:p>
          <a:p>
            <a:pPr algn="l"/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  <a:hlinkClick r:id="rId3"/>
              </a:rPr>
              <a:t>- https://www.joongang.co.kr/article/25226870</a:t>
            </a:r>
            <a:endParaRPr lang="ko-KR" altLang="en-US" b="0" i="0">
              <a:solidFill>
                <a:srgbClr val="1F2328"/>
              </a:solidFill>
              <a:effectLst/>
              <a:highlight>
                <a:srgbClr val="FFFFFF"/>
              </a:highlight>
              <a:latin typeface="+mj-lt"/>
            </a:endParaRPr>
          </a:p>
          <a:p>
            <a:br>
              <a:rPr lang="ko-KR" altLang="en-US"/>
            </a:br>
            <a:endParaRPr lang="ko-KR" altLang="en-US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E39F4C98-75A5-0606-FC8C-3C4AD7B398E4}"/>
              </a:ext>
            </a:extLst>
          </p:cNvPr>
          <p:cNvSpPr txBox="1"/>
          <p:nvPr/>
        </p:nvSpPr>
        <p:spPr>
          <a:xfrm>
            <a:off x="779387" y="3793945"/>
            <a:ext cx="4614865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반려동물인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1500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만시대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장삿법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'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댕댕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잡아야 손님 모인다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(2024.03.19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내일신문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]</a:t>
            </a:r>
          </a:p>
          <a:p>
            <a:r>
              <a:rPr lang="en-US" altLang="ko-KR">
                <a:solidFill>
                  <a:srgbClr val="1F2328"/>
                </a:solidFill>
                <a:highlight>
                  <a:srgbClr val="FFFFFF"/>
                </a:highlight>
                <a:latin typeface="-apple-system"/>
              </a:rPr>
              <a:t>- </a:t>
            </a:r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  <a:hlinkClick r:id="rId4"/>
              </a:rPr>
              <a:t>https://m.naeil.com/news/read/504724</a:t>
            </a:r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5416944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참고할 사이트 예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E1101E89-C829-89A7-CC3C-8F62CEAFA099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733232" y="2787542"/>
            <a:ext cx="6725536" cy="3714499"/>
          </a:xfrm>
          <a:prstGeom prst="rect">
            <a:avLst/>
          </a:prstGeom>
          <a:ln w="22225">
            <a:solidFill>
              <a:srgbClr val="6A9EC2"/>
            </a:solidFill>
          </a:ln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7C6B84BC-E7E8-4762-8304-50BA378EFDC4}"/>
              </a:ext>
            </a:extLst>
          </p:cNvPr>
          <p:cNvSpPr txBox="1"/>
          <p:nvPr/>
        </p:nvSpPr>
        <p:spPr>
          <a:xfrm>
            <a:off x="665806" y="1900205"/>
            <a:ext cx="11335639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데이터 기반의 보여주기식 지도가 아닌검수를 마친 데이터만을 보여줄수있게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 장소 정보를 간략하게 먼저 보여줌으로써 사이트를 타고 들어가서 봐야하는 번거로움을 줄여줄 수 있도록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ko-KR" altLang="en-US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900349815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F3381DC-ECD1-4EC2-E8E6-7198A3B11914}"/>
              </a:ext>
            </a:extLst>
          </p:cNvPr>
          <p:cNvSpPr txBox="1"/>
          <p:nvPr/>
        </p:nvSpPr>
        <p:spPr>
          <a:xfrm>
            <a:off x="445922" y="1300041"/>
            <a:ext cx="539377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활용장비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177E27BB-455A-2150-D949-5881A784E4E0}"/>
              </a:ext>
            </a:extLst>
          </p:cNvPr>
          <p:cNvSpPr txBox="1"/>
          <p:nvPr/>
        </p:nvSpPr>
        <p:spPr>
          <a:xfrm>
            <a:off x="570733" y="2012907"/>
            <a:ext cx="6106228" cy="39703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 dirty="0"/>
              <a:t>Collaborations</a:t>
            </a:r>
          </a:p>
          <a:p>
            <a:r>
              <a:rPr lang="en-US" altLang="ko-KR" dirty="0"/>
              <a:t>      </a:t>
            </a:r>
            <a:r>
              <a:rPr lang="en-US" altLang="ko-KR" b="1" dirty="0"/>
              <a:t>-</a:t>
            </a:r>
            <a:r>
              <a:rPr lang="en-US" altLang="ko-KR" dirty="0"/>
              <a:t> </a:t>
            </a:r>
            <a:r>
              <a:rPr lang="en-US" altLang="ko-KR" dirty="0" err="1"/>
              <a:t>Github</a:t>
            </a: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 dirty="0"/>
              <a:t>Frontend</a:t>
            </a:r>
          </a:p>
          <a:p>
            <a:r>
              <a:rPr lang="en-US" altLang="ko-KR" dirty="0"/>
              <a:t>      </a:t>
            </a:r>
            <a:r>
              <a:rPr lang="en-US" altLang="ko-KR" b="1" dirty="0"/>
              <a:t>-</a:t>
            </a:r>
            <a:r>
              <a:rPr lang="en-US" altLang="ko-KR" dirty="0"/>
              <a:t> Html5, </a:t>
            </a:r>
            <a:r>
              <a:rPr lang="en-US" altLang="ko-KR" dirty="0" err="1"/>
              <a:t>css</a:t>
            </a:r>
            <a:r>
              <a:rPr lang="en-US" altLang="ko-KR" dirty="0"/>
              <a:t>, </a:t>
            </a:r>
            <a:r>
              <a:rPr lang="en-US" altLang="ko-KR" dirty="0" err="1"/>
              <a:t>Javascript</a:t>
            </a: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 dirty="0"/>
              <a:t>Backend</a:t>
            </a:r>
          </a:p>
          <a:p>
            <a:r>
              <a:rPr lang="en-US" altLang="ko-KR" dirty="0"/>
              <a:t>      </a:t>
            </a:r>
            <a:r>
              <a:rPr lang="en-US" altLang="ko-KR" b="1" dirty="0"/>
              <a:t>-</a:t>
            </a:r>
            <a:r>
              <a:rPr lang="en-US" altLang="ko-KR" dirty="0"/>
              <a:t> Java, </a:t>
            </a:r>
            <a:r>
              <a:rPr lang="en-US" altLang="ko-KR" dirty="0" err="1"/>
              <a:t>Jsp</a:t>
            </a:r>
            <a:r>
              <a:rPr lang="en-US" altLang="ko-KR" dirty="0"/>
              <a:t>, Servlet</a:t>
            </a:r>
          </a:p>
          <a:p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 dirty="0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 dirty="0"/>
              <a:t>Database</a:t>
            </a:r>
          </a:p>
          <a:p>
            <a:r>
              <a:rPr lang="en-US" altLang="ko-KR" b="1" dirty="0"/>
              <a:t>      -</a:t>
            </a:r>
            <a:r>
              <a:rPr lang="en-US" altLang="ko-KR" dirty="0"/>
              <a:t> Oracle</a:t>
            </a:r>
            <a:endParaRPr lang="ko-KR" altLang="en-US" b="1" dirty="0"/>
          </a:p>
        </p:txBody>
      </p:sp>
      <p:pic>
        <p:nvPicPr>
          <p:cNvPr id="30" name="그림 29" descr="블랙, 어둠이(가) 표시된 사진&#10;&#10;자동 생성된 설명">
            <a:extLst>
              <a:ext uri="{FF2B5EF4-FFF2-40B4-BE49-F238E27FC236}">
                <a16:creationId xmlns:a16="http://schemas.microsoft.com/office/drawing/2014/main" id="{4DD52979-3A1C-AFCF-23F3-C9376F6DB724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00117" y="1429902"/>
            <a:ext cx="1922269" cy="1922269"/>
          </a:xfrm>
          <a:prstGeom prst="rect">
            <a:avLst/>
          </a:prstGeom>
        </p:spPr>
      </p:pic>
      <p:pic>
        <p:nvPicPr>
          <p:cNvPr id="32" name="그림 31">
            <a:extLst>
              <a:ext uri="{FF2B5EF4-FFF2-40B4-BE49-F238E27FC236}">
                <a16:creationId xmlns:a16="http://schemas.microsoft.com/office/drawing/2014/main" id="{92E19011-75FD-9D03-DC1C-40E994D33B9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44265" y="3570639"/>
            <a:ext cx="2089381" cy="2089381"/>
          </a:xfrm>
          <a:prstGeom prst="rect">
            <a:avLst/>
          </a:prstGeom>
        </p:spPr>
      </p:pic>
      <p:pic>
        <p:nvPicPr>
          <p:cNvPr id="34" name="그림 33" descr="그래픽, 스크린샷, 상징, 일렉트릭 블루이(가) 표시된 사진&#10;&#10;자동 생성된 설명">
            <a:extLst>
              <a:ext uri="{FF2B5EF4-FFF2-40B4-BE49-F238E27FC236}">
                <a16:creationId xmlns:a16="http://schemas.microsoft.com/office/drawing/2014/main" id="{DAF1516C-DE44-4125-E2C3-13E9C518F08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8926" y="1980304"/>
            <a:ext cx="2180777" cy="2180777"/>
          </a:xfrm>
          <a:prstGeom prst="rect">
            <a:avLst/>
          </a:prstGeom>
        </p:spPr>
      </p:pic>
      <p:pic>
        <p:nvPicPr>
          <p:cNvPr id="36" name="그림 35" descr="그래픽, 디자인이(가) 표시된 사진&#10;&#10;자동 생성된 설명">
            <a:extLst>
              <a:ext uri="{FF2B5EF4-FFF2-40B4-BE49-F238E27FC236}">
                <a16:creationId xmlns:a16="http://schemas.microsoft.com/office/drawing/2014/main" id="{966C6208-6215-8DAC-9562-3F297534B57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39414" y="4017237"/>
            <a:ext cx="1965988" cy="1965988"/>
          </a:xfrm>
          <a:prstGeom prst="rect">
            <a:avLst/>
          </a:prstGeom>
        </p:spPr>
      </p:pic>
      <p:pic>
        <p:nvPicPr>
          <p:cNvPr id="38" name="그림 37" descr="블랙, 어둠이(가) 표시된 사진&#10;&#10;자동 생성된 설명">
            <a:extLst>
              <a:ext uri="{FF2B5EF4-FFF2-40B4-BE49-F238E27FC236}">
                <a16:creationId xmlns:a16="http://schemas.microsoft.com/office/drawing/2014/main" id="{9EE7B0BD-CFD0-F1C5-C086-650C6129E81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70858" y="4041384"/>
            <a:ext cx="2816616" cy="2816616"/>
          </a:xfrm>
          <a:prstGeom prst="rect">
            <a:avLst/>
          </a:prstGeom>
        </p:spPr>
      </p:pic>
      <p:pic>
        <p:nvPicPr>
          <p:cNvPr id="10" name="그림 9">
            <a:extLst>
              <a:ext uri="{FF2B5EF4-FFF2-40B4-BE49-F238E27FC236}">
                <a16:creationId xmlns:a16="http://schemas.microsoft.com/office/drawing/2014/main" id="{5DD1A44A-E712-4065-AD8F-05520CC6AF3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94247" y="1355676"/>
            <a:ext cx="1640104" cy="17416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5961332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기능 구조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306F5ED-E63A-9B2E-241D-4F22774926A2}"/>
              </a:ext>
            </a:extLst>
          </p:cNvPr>
          <p:cNvSpPr/>
          <p:nvPr/>
        </p:nvSpPr>
        <p:spPr>
          <a:xfrm>
            <a:off x="10549350" y="46803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가입</a:t>
            </a:r>
          </a:p>
        </p:txBody>
      </p:sp>
      <p:grpSp>
        <p:nvGrpSpPr>
          <p:cNvPr id="14" name="그룹 13">
            <a:extLst>
              <a:ext uri="{FF2B5EF4-FFF2-40B4-BE49-F238E27FC236}">
                <a16:creationId xmlns:a16="http://schemas.microsoft.com/office/drawing/2014/main" id="{A0403E73-3727-5AAE-819F-D10F8CDB70E9}"/>
              </a:ext>
            </a:extLst>
          </p:cNvPr>
          <p:cNvGrpSpPr/>
          <p:nvPr/>
        </p:nvGrpSpPr>
        <p:grpSpPr>
          <a:xfrm>
            <a:off x="1730512" y="4270130"/>
            <a:ext cx="362078" cy="768325"/>
            <a:chOff x="1804252" y="3203469"/>
            <a:chExt cx="362078" cy="768325"/>
          </a:xfrm>
        </p:grpSpPr>
        <p:sp>
          <p:nvSpPr>
            <p:cNvPr id="12" name="타원 11">
              <a:extLst>
                <a:ext uri="{FF2B5EF4-FFF2-40B4-BE49-F238E27FC236}">
                  <a16:creationId xmlns:a16="http://schemas.microsoft.com/office/drawing/2014/main" id="{92F31D7F-DD91-C115-AB92-ABC7A6278749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3" name="이등변 삼각형 12">
              <a:extLst>
                <a:ext uri="{FF2B5EF4-FFF2-40B4-BE49-F238E27FC236}">
                  <a16:creationId xmlns:a16="http://schemas.microsoft.com/office/drawing/2014/main" id="{B3D48C1D-7880-35EF-F69F-085267A3777C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grpSp>
        <p:nvGrpSpPr>
          <p:cNvPr id="15" name="그룹 14">
            <a:extLst>
              <a:ext uri="{FF2B5EF4-FFF2-40B4-BE49-F238E27FC236}">
                <a16:creationId xmlns:a16="http://schemas.microsoft.com/office/drawing/2014/main" id="{C08E0F67-14E2-AC0B-468C-0D6AEDAE2564}"/>
              </a:ext>
            </a:extLst>
          </p:cNvPr>
          <p:cNvGrpSpPr/>
          <p:nvPr/>
        </p:nvGrpSpPr>
        <p:grpSpPr>
          <a:xfrm>
            <a:off x="10782555" y="3448016"/>
            <a:ext cx="362078" cy="768325"/>
            <a:chOff x="1804252" y="3203469"/>
            <a:chExt cx="362078" cy="768325"/>
          </a:xfrm>
        </p:grpSpPr>
        <p:sp>
          <p:nvSpPr>
            <p:cNvPr id="16" name="타원 15">
              <a:extLst>
                <a:ext uri="{FF2B5EF4-FFF2-40B4-BE49-F238E27FC236}">
                  <a16:creationId xmlns:a16="http://schemas.microsoft.com/office/drawing/2014/main" id="{1C47F87E-3973-0370-584C-2654302F539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7" name="이등변 삼각형 16">
              <a:extLst>
                <a:ext uri="{FF2B5EF4-FFF2-40B4-BE49-F238E27FC236}">
                  <a16:creationId xmlns:a16="http://schemas.microsoft.com/office/drawing/2014/main" id="{6284005E-CA0E-3E15-50E5-AEE3E2DD306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911EA348-2447-C365-4FB3-5ED10F133E77}"/>
              </a:ext>
            </a:extLst>
          </p:cNvPr>
          <p:cNvSpPr txBox="1"/>
          <p:nvPr/>
        </p:nvSpPr>
        <p:spPr>
          <a:xfrm>
            <a:off x="1672164" y="503845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회원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FDA28358-4C3F-EDC4-5C0A-600B7E5FC19B}"/>
              </a:ext>
            </a:extLst>
          </p:cNvPr>
          <p:cNvSpPr txBox="1"/>
          <p:nvPr/>
        </p:nvSpPr>
        <p:spPr>
          <a:xfrm>
            <a:off x="10668974" y="422438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비회원</a:t>
            </a:r>
          </a:p>
        </p:txBody>
      </p:sp>
      <p:cxnSp>
        <p:nvCxnSpPr>
          <p:cNvPr id="21" name="직선 연결선 20">
            <a:extLst>
              <a:ext uri="{FF2B5EF4-FFF2-40B4-BE49-F238E27FC236}">
                <a16:creationId xmlns:a16="http://schemas.microsoft.com/office/drawing/2014/main" id="{FFF30CDE-B2DA-4990-CC7A-334A37A51146}"/>
              </a:ext>
            </a:extLst>
          </p:cNvPr>
          <p:cNvCxnSpPr>
            <a:cxnSpLocks/>
          </p:cNvCxnSpPr>
          <p:nvPr/>
        </p:nvCxnSpPr>
        <p:spPr>
          <a:xfrm flipV="1">
            <a:off x="10991208" y="4451169"/>
            <a:ext cx="0" cy="22913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24" name="그룹 23">
            <a:extLst>
              <a:ext uri="{FF2B5EF4-FFF2-40B4-BE49-F238E27FC236}">
                <a16:creationId xmlns:a16="http://schemas.microsoft.com/office/drawing/2014/main" id="{33858CD4-2C27-3460-6E5E-4E35A6533167}"/>
              </a:ext>
            </a:extLst>
          </p:cNvPr>
          <p:cNvGrpSpPr/>
          <p:nvPr/>
        </p:nvGrpSpPr>
        <p:grpSpPr>
          <a:xfrm>
            <a:off x="1724375" y="2914519"/>
            <a:ext cx="362078" cy="768325"/>
            <a:chOff x="1804252" y="3203469"/>
            <a:chExt cx="362078" cy="768325"/>
          </a:xfrm>
        </p:grpSpPr>
        <p:sp>
          <p:nvSpPr>
            <p:cNvPr id="25" name="타원 24">
              <a:extLst>
                <a:ext uri="{FF2B5EF4-FFF2-40B4-BE49-F238E27FC236}">
                  <a16:creationId xmlns:a16="http://schemas.microsoft.com/office/drawing/2014/main" id="{258F9419-4304-D232-C749-3244FBCC231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6" name="이등변 삼각형 25">
              <a:extLst>
                <a:ext uri="{FF2B5EF4-FFF2-40B4-BE49-F238E27FC236}">
                  <a16:creationId xmlns:a16="http://schemas.microsoft.com/office/drawing/2014/main" id="{F85FD8DA-2DC3-68C4-9BFE-33AC3971FE4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9EAFCD16-C172-2B42-894E-F0C45E607484}"/>
              </a:ext>
            </a:extLst>
          </p:cNvPr>
          <p:cNvSpPr txBox="1"/>
          <p:nvPr/>
        </p:nvSpPr>
        <p:spPr>
          <a:xfrm>
            <a:off x="1604658" y="3685757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관리자</a:t>
            </a:r>
          </a:p>
        </p:txBody>
      </p:sp>
      <p:sp>
        <p:nvSpPr>
          <p:cNvPr id="28" name="직사각형 27">
            <a:extLst>
              <a:ext uri="{FF2B5EF4-FFF2-40B4-BE49-F238E27FC236}">
                <a16:creationId xmlns:a16="http://schemas.microsoft.com/office/drawing/2014/main" id="{0DBE586A-1D74-7E68-88D4-CB2C4721771F}"/>
              </a:ext>
            </a:extLst>
          </p:cNvPr>
          <p:cNvSpPr/>
          <p:nvPr/>
        </p:nvSpPr>
        <p:spPr>
          <a:xfrm>
            <a:off x="450561" y="38944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로그인</a:t>
            </a:r>
          </a:p>
        </p:txBody>
      </p:sp>
      <p:cxnSp>
        <p:nvCxnSpPr>
          <p:cNvPr id="30" name="직선 연결선 29">
            <a:extLst>
              <a:ext uri="{FF2B5EF4-FFF2-40B4-BE49-F238E27FC236}">
                <a16:creationId xmlns:a16="http://schemas.microsoft.com/office/drawing/2014/main" id="{4A1A7406-62FF-9FF1-743D-976055E3859E}"/>
              </a:ext>
            </a:extLst>
          </p:cNvPr>
          <p:cNvCxnSpPr>
            <a:stCxn id="28" idx="0"/>
            <a:endCxn id="26" idx="1"/>
          </p:cNvCxnSpPr>
          <p:nvPr/>
        </p:nvCxnSpPr>
        <p:spPr>
          <a:xfrm flipV="1">
            <a:off x="892419" y="3482789"/>
            <a:ext cx="922476" cy="4116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1" name="직선 연결선 30">
            <a:extLst>
              <a:ext uri="{FF2B5EF4-FFF2-40B4-BE49-F238E27FC236}">
                <a16:creationId xmlns:a16="http://schemas.microsoft.com/office/drawing/2014/main" id="{0D1A6A10-6E5F-6A98-58BF-14A8EAE41AAF}"/>
              </a:ext>
            </a:extLst>
          </p:cNvPr>
          <p:cNvCxnSpPr>
            <a:cxnSpLocks/>
            <a:stCxn id="28" idx="2"/>
            <a:endCxn id="13" idx="1"/>
          </p:cNvCxnSpPr>
          <p:nvPr/>
        </p:nvCxnSpPr>
        <p:spPr>
          <a:xfrm>
            <a:off x="892419" y="4219734"/>
            <a:ext cx="928613" cy="61866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4" name="직사각형 33">
            <a:extLst>
              <a:ext uri="{FF2B5EF4-FFF2-40B4-BE49-F238E27FC236}">
                <a16:creationId xmlns:a16="http://schemas.microsoft.com/office/drawing/2014/main" id="{68282381-9992-0D3D-013C-C10D41B9C315}"/>
              </a:ext>
            </a:extLst>
          </p:cNvPr>
          <p:cNvSpPr/>
          <p:nvPr/>
        </p:nvSpPr>
        <p:spPr>
          <a:xfrm>
            <a:off x="1389889" y="2248478"/>
            <a:ext cx="1043324" cy="317224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관리자페이지</a:t>
            </a:r>
          </a:p>
        </p:txBody>
      </p:sp>
      <p:sp>
        <p:nvSpPr>
          <p:cNvPr id="35" name="직사각형 34">
            <a:extLst>
              <a:ext uri="{FF2B5EF4-FFF2-40B4-BE49-F238E27FC236}">
                <a16:creationId xmlns:a16="http://schemas.microsoft.com/office/drawing/2014/main" id="{9083217E-904E-953F-A19F-9A71F43B45F6}"/>
              </a:ext>
            </a:extLst>
          </p:cNvPr>
          <p:cNvSpPr/>
          <p:nvPr/>
        </p:nvSpPr>
        <p:spPr>
          <a:xfrm>
            <a:off x="1469693" y="55452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마이페이지</a:t>
            </a:r>
          </a:p>
        </p:txBody>
      </p:sp>
      <p:cxnSp>
        <p:nvCxnSpPr>
          <p:cNvPr id="37" name="직선 화살표 연결선 36">
            <a:extLst>
              <a:ext uri="{FF2B5EF4-FFF2-40B4-BE49-F238E27FC236}">
                <a16:creationId xmlns:a16="http://schemas.microsoft.com/office/drawing/2014/main" id="{D386D79A-56CB-F28E-1536-D0DDAE6FFF6F}"/>
              </a:ext>
            </a:extLst>
          </p:cNvPr>
          <p:cNvCxnSpPr>
            <a:cxnSpLocks/>
            <a:endCxn id="34" idx="2"/>
          </p:cNvCxnSpPr>
          <p:nvPr/>
        </p:nvCxnSpPr>
        <p:spPr>
          <a:xfrm flipV="1">
            <a:off x="1911551" y="2565702"/>
            <a:ext cx="0" cy="275689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9" name="직선 화살표 연결선 38">
            <a:extLst>
              <a:ext uri="{FF2B5EF4-FFF2-40B4-BE49-F238E27FC236}">
                <a16:creationId xmlns:a16="http://schemas.microsoft.com/office/drawing/2014/main" id="{9EB995C5-9B7E-902B-4D2B-93AF0C7CCFFD}"/>
              </a:ext>
            </a:extLst>
          </p:cNvPr>
          <p:cNvCxnSpPr>
            <a:cxnSpLocks/>
          </p:cNvCxnSpPr>
          <p:nvPr/>
        </p:nvCxnSpPr>
        <p:spPr>
          <a:xfrm flipH="1">
            <a:off x="1899178" y="5307797"/>
            <a:ext cx="3167" cy="255968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2" name="직사각형 41">
            <a:extLst>
              <a:ext uri="{FF2B5EF4-FFF2-40B4-BE49-F238E27FC236}">
                <a16:creationId xmlns:a16="http://schemas.microsoft.com/office/drawing/2014/main" id="{2978499E-7C1A-4196-DFEE-40AF9611B517}"/>
              </a:ext>
            </a:extLst>
          </p:cNvPr>
          <p:cNvSpPr/>
          <p:nvPr/>
        </p:nvSpPr>
        <p:spPr>
          <a:xfrm>
            <a:off x="2646051" y="5542789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정보수정</a:t>
            </a:r>
          </a:p>
        </p:txBody>
      </p:sp>
      <p:cxnSp>
        <p:nvCxnSpPr>
          <p:cNvPr id="45" name="직선 연결선 44">
            <a:extLst>
              <a:ext uri="{FF2B5EF4-FFF2-40B4-BE49-F238E27FC236}">
                <a16:creationId xmlns:a16="http://schemas.microsoft.com/office/drawing/2014/main" id="{367FBC29-DE6C-581F-88FD-A81E1CDC9388}"/>
              </a:ext>
            </a:extLst>
          </p:cNvPr>
          <p:cNvCxnSpPr>
            <a:cxnSpLocks/>
            <a:stCxn id="35" idx="3"/>
            <a:endCxn id="42" idx="1"/>
          </p:cNvCxnSpPr>
          <p:nvPr/>
        </p:nvCxnSpPr>
        <p:spPr>
          <a:xfrm flipV="1">
            <a:off x="2353408" y="5705417"/>
            <a:ext cx="292643" cy="24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0" name="직사각형 49">
            <a:extLst>
              <a:ext uri="{FF2B5EF4-FFF2-40B4-BE49-F238E27FC236}">
                <a16:creationId xmlns:a16="http://schemas.microsoft.com/office/drawing/2014/main" id="{7F529BAA-9108-3285-913B-C35C3D8A4A04}"/>
              </a:ext>
            </a:extLst>
          </p:cNvPr>
          <p:cNvSpPr/>
          <p:nvPr/>
        </p:nvSpPr>
        <p:spPr>
          <a:xfrm>
            <a:off x="5863281" y="3569224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메인페이지</a:t>
            </a:r>
          </a:p>
        </p:txBody>
      </p:sp>
      <p:cxnSp>
        <p:nvCxnSpPr>
          <p:cNvPr id="51" name="직선 연결선 50">
            <a:extLst>
              <a:ext uri="{FF2B5EF4-FFF2-40B4-BE49-F238E27FC236}">
                <a16:creationId xmlns:a16="http://schemas.microsoft.com/office/drawing/2014/main" id="{4B716029-E5D7-A275-9C79-429EBA71F5CF}"/>
              </a:ext>
            </a:extLst>
          </p:cNvPr>
          <p:cNvCxnSpPr>
            <a:cxnSpLocks/>
            <a:endCxn id="50" idx="1"/>
          </p:cNvCxnSpPr>
          <p:nvPr/>
        </p:nvCxnSpPr>
        <p:spPr>
          <a:xfrm flipV="1">
            <a:off x="2025084" y="3731852"/>
            <a:ext cx="3838197" cy="1106548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5" name="직선 연결선 54">
            <a:extLst>
              <a:ext uri="{FF2B5EF4-FFF2-40B4-BE49-F238E27FC236}">
                <a16:creationId xmlns:a16="http://schemas.microsoft.com/office/drawing/2014/main" id="{5EAAC783-E6CC-CE99-4E33-D2FD50EA97FC}"/>
              </a:ext>
            </a:extLst>
          </p:cNvPr>
          <p:cNvCxnSpPr>
            <a:cxnSpLocks/>
          </p:cNvCxnSpPr>
          <p:nvPr/>
        </p:nvCxnSpPr>
        <p:spPr>
          <a:xfrm flipH="1" flipV="1">
            <a:off x="7020046" y="3720185"/>
            <a:ext cx="3861211" cy="31420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8" name="직선 연결선 57">
            <a:extLst>
              <a:ext uri="{FF2B5EF4-FFF2-40B4-BE49-F238E27FC236}">
                <a16:creationId xmlns:a16="http://schemas.microsoft.com/office/drawing/2014/main" id="{462BAE9E-5C14-18A4-BD22-A1C3B5586520}"/>
              </a:ext>
            </a:extLst>
          </p:cNvPr>
          <p:cNvCxnSpPr>
            <a:cxnSpLocks/>
            <a:stCxn id="26" idx="5"/>
          </p:cNvCxnSpPr>
          <p:nvPr/>
        </p:nvCxnSpPr>
        <p:spPr>
          <a:xfrm>
            <a:off x="1995934" y="3482789"/>
            <a:ext cx="3850982" cy="241297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62" name="연결선: 꺾임 61">
            <a:extLst>
              <a:ext uri="{FF2B5EF4-FFF2-40B4-BE49-F238E27FC236}">
                <a16:creationId xmlns:a16="http://schemas.microsoft.com/office/drawing/2014/main" id="{ADC68738-57B2-92A3-1B33-15B365C61B21}"/>
              </a:ext>
            </a:extLst>
          </p:cNvPr>
          <p:cNvCxnSpPr>
            <a:cxnSpLocks/>
            <a:stCxn id="35" idx="2"/>
            <a:endCxn id="63" idx="1"/>
          </p:cNvCxnSpPr>
          <p:nvPr/>
        </p:nvCxnSpPr>
        <p:spPr>
          <a:xfrm rot="16200000" flipH="1">
            <a:off x="2151528" y="5630557"/>
            <a:ext cx="254546" cy="734500"/>
          </a:xfrm>
          <a:prstGeom prst="bentConnector2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63" name="직사각형 62">
            <a:extLst>
              <a:ext uri="{FF2B5EF4-FFF2-40B4-BE49-F238E27FC236}">
                <a16:creationId xmlns:a16="http://schemas.microsoft.com/office/drawing/2014/main" id="{EEC493D9-F823-EBD4-2612-B30EED9D0EE9}"/>
              </a:ext>
            </a:extLst>
          </p:cNvPr>
          <p:cNvSpPr/>
          <p:nvPr/>
        </p:nvSpPr>
        <p:spPr>
          <a:xfrm>
            <a:off x="2646051" y="5962452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내가 쓴 게시물</a:t>
            </a:r>
          </a:p>
        </p:txBody>
      </p:sp>
      <p:sp>
        <p:nvSpPr>
          <p:cNvPr id="67" name="직사각형 66">
            <a:extLst>
              <a:ext uri="{FF2B5EF4-FFF2-40B4-BE49-F238E27FC236}">
                <a16:creationId xmlns:a16="http://schemas.microsoft.com/office/drawing/2014/main" id="{49301098-2250-83D9-B43E-D46CBBD71F24}"/>
              </a:ext>
            </a:extLst>
          </p:cNvPr>
          <p:cNvSpPr/>
          <p:nvPr/>
        </p:nvSpPr>
        <p:spPr>
          <a:xfrm>
            <a:off x="4909558" y="4240482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68" name="직사각형 67">
            <a:extLst>
              <a:ext uri="{FF2B5EF4-FFF2-40B4-BE49-F238E27FC236}">
                <a16:creationId xmlns:a16="http://schemas.microsoft.com/office/drawing/2014/main" id="{3D6169FF-8B20-C024-85D7-6598B0C46F7A}"/>
              </a:ext>
            </a:extLst>
          </p:cNvPr>
          <p:cNvSpPr/>
          <p:nvPr/>
        </p:nvSpPr>
        <p:spPr>
          <a:xfrm>
            <a:off x="6022679" y="4235906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카테고리</a:t>
            </a:r>
          </a:p>
        </p:txBody>
      </p:sp>
      <p:sp>
        <p:nvSpPr>
          <p:cNvPr id="69" name="직사각형 68">
            <a:extLst>
              <a:ext uri="{FF2B5EF4-FFF2-40B4-BE49-F238E27FC236}">
                <a16:creationId xmlns:a16="http://schemas.microsoft.com/office/drawing/2014/main" id="{E07D8024-2FE8-D689-CACB-BD5BB0CF84EC}"/>
              </a:ext>
            </a:extLst>
          </p:cNvPr>
          <p:cNvSpPr/>
          <p:nvPr/>
        </p:nvSpPr>
        <p:spPr>
          <a:xfrm>
            <a:off x="7101672" y="42359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게시판</a:t>
            </a:r>
          </a:p>
        </p:txBody>
      </p:sp>
      <p:cxnSp>
        <p:nvCxnSpPr>
          <p:cNvPr id="71" name="직선 연결선 70">
            <a:extLst>
              <a:ext uri="{FF2B5EF4-FFF2-40B4-BE49-F238E27FC236}">
                <a16:creationId xmlns:a16="http://schemas.microsoft.com/office/drawing/2014/main" id="{387E3D1E-0B5B-B569-425C-88C6D281D9FC}"/>
              </a:ext>
            </a:extLst>
          </p:cNvPr>
          <p:cNvCxnSpPr>
            <a:endCxn id="67" idx="0"/>
          </p:cNvCxnSpPr>
          <p:nvPr/>
        </p:nvCxnSpPr>
        <p:spPr>
          <a:xfrm flipH="1">
            <a:off x="5351416" y="3894479"/>
            <a:ext cx="607526" cy="34600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3" name="직선 연결선 72">
            <a:extLst>
              <a:ext uri="{FF2B5EF4-FFF2-40B4-BE49-F238E27FC236}">
                <a16:creationId xmlns:a16="http://schemas.microsoft.com/office/drawing/2014/main" id="{4A800C6E-82E3-EFAE-FE61-F287A3CD7BB4}"/>
              </a:ext>
            </a:extLst>
          </p:cNvPr>
          <p:cNvCxnSpPr>
            <a:endCxn id="68" idx="0"/>
          </p:cNvCxnSpPr>
          <p:nvPr/>
        </p:nvCxnSpPr>
        <p:spPr>
          <a:xfrm>
            <a:off x="6433753" y="3902245"/>
            <a:ext cx="30784" cy="33366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5" name="직선 연결선 74">
            <a:extLst>
              <a:ext uri="{FF2B5EF4-FFF2-40B4-BE49-F238E27FC236}">
                <a16:creationId xmlns:a16="http://schemas.microsoft.com/office/drawing/2014/main" id="{028213FC-D5B4-928A-9DEE-9C2A4C930FFD}"/>
              </a:ext>
            </a:extLst>
          </p:cNvPr>
          <p:cNvCxnSpPr>
            <a:endCxn id="69" idx="0"/>
          </p:cNvCxnSpPr>
          <p:nvPr/>
        </p:nvCxnSpPr>
        <p:spPr>
          <a:xfrm>
            <a:off x="6854377" y="3894479"/>
            <a:ext cx="689153" cy="34142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9" name="연결선: 꺾임 78">
            <a:extLst>
              <a:ext uri="{FF2B5EF4-FFF2-40B4-BE49-F238E27FC236}">
                <a16:creationId xmlns:a16="http://schemas.microsoft.com/office/drawing/2014/main" id="{275B6FF6-A621-9D9F-2BA6-3E63E9595BEF}"/>
              </a:ext>
            </a:extLst>
          </p:cNvPr>
          <p:cNvCxnSpPr>
            <a:cxnSpLocks/>
            <a:stCxn id="69" idx="3"/>
          </p:cNvCxnSpPr>
          <p:nvPr/>
        </p:nvCxnSpPr>
        <p:spPr>
          <a:xfrm flipH="1" flipV="1">
            <a:off x="892418" y="4273439"/>
            <a:ext cx="7092969" cy="125094"/>
          </a:xfrm>
          <a:prstGeom prst="bentConnector5">
            <a:avLst>
              <a:gd name="adj1" fmla="val -3223"/>
              <a:gd name="adj2" fmla="val -1642231"/>
              <a:gd name="adj3" fmla="val 99923"/>
            </a:avLst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86" name="직사각형 85">
            <a:extLst>
              <a:ext uri="{FF2B5EF4-FFF2-40B4-BE49-F238E27FC236}">
                <a16:creationId xmlns:a16="http://schemas.microsoft.com/office/drawing/2014/main" id="{95E9D3F5-66BA-4E2B-A186-7D9F1E54102F}"/>
              </a:ext>
            </a:extLst>
          </p:cNvPr>
          <p:cNvSpPr/>
          <p:nvPr/>
        </p:nvSpPr>
        <p:spPr>
          <a:xfrm>
            <a:off x="2631424" y="17571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관리</a:t>
            </a:r>
          </a:p>
        </p:txBody>
      </p:sp>
      <p:sp>
        <p:nvSpPr>
          <p:cNvPr id="87" name="직사각형 86">
            <a:extLst>
              <a:ext uri="{FF2B5EF4-FFF2-40B4-BE49-F238E27FC236}">
                <a16:creationId xmlns:a16="http://schemas.microsoft.com/office/drawing/2014/main" id="{9E48F37C-1D18-47D4-4776-73421AA132A1}"/>
              </a:ext>
            </a:extLst>
          </p:cNvPr>
          <p:cNvSpPr/>
          <p:nvPr/>
        </p:nvSpPr>
        <p:spPr>
          <a:xfrm>
            <a:off x="2631424" y="224257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장소관리</a:t>
            </a:r>
          </a:p>
        </p:txBody>
      </p:sp>
      <p:sp>
        <p:nvSpPr>
          <p:cNvPr id="88" name="직사각형 87">
            <a:extLst>
              <a:ext uri="{FF2B5EF4-FFF2-40B4-BE49-F238E27FC236}">
                <a16:creationId xmlns:a16="http://schemas.microsoft.com/office/drawing/2014/main" id="{9A28ECD4-E7A9-592B-170B-1AA39CB40A8C}"/>
              </a:ext>
            </a:extLst>
          </p:cNvPr>
          <p:cNvSpPr/>
          <p:nvPr/>
        </p:nvSpPr>
        <p:spPr>
          <a:xfrm>
            <a:off x="2631424" y="2724025"/>
            <a:ext cx="1019290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관리</a:t>
            </a:r>
          </a:p>
        </p:txBody>
      </p:sp>
      <p:cxnSp>
        <p:nvCxnSpPr>
          <p:cNvPr id="90" name="직선 연결선 89">
            <a:extLst>
              <a:ext uri="{FF2B5EF4-FFF2-40B4-BE49-F238E27FC236}">
                <a16:creationId xmlns:a16="http://schemas.microsoft.com/office/drawing/2014/main" id="{B7232F16-D854-0539-350B-C9595F0AD119}"/>
              </a:ext>
            </a:extLst>
          </p:cNvPr>
          <p:cNvCxnSpPr>
            <a:cxnSpLocks/>
            <a:endCxn id="86" idx="1"/>
          </p:cNvCxnSpPr>
          <p:nvPr/>
        </p:nvCxnSpPr>
        <p:spPr>
          <a:xfrm flipV="1">
            <a:off x="2445511" y="1919807"/>
            <a:ext cx="185913" cy="4853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2" name="직선 연결선 91">
            <a:extLst>
              <a:ext uri="{FF2B5EF4-FFF2-40B4-BE49-F238E27FC236}">
                <a16:creationId xmlns:a16="http://schemas.microsoft.com/office/drawing/2014/main" id="{49FB7EA8-1F3B-20C4-18F2-405965C32188}"/>
              </a:ext>
            </a:extLst>
          </p:cNvPr>
          <p:cNvCxnSpPr>
            <a:stCxn id="34" idx="3"/>
            <a:endCxn id="87" idx="1"/>
          </p:cNvCxnSpPr>
          <p:nvPr/>
        </p:nvCxnSpPr>
        <p:spPr>
          <a:xfrm flipV="1">
            <a:off x="2433213" y="2405199"/>
            <a:ext cx="198211" cy="18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4" name="직선 연결선 93">
            <a:extLst>
              <a:ext uri="{FF2B5EF4-FFF2-40B4-BE49-F238E27FC236}">
                <a16:creationId xmlns:a16="http://schemas.microsoft.com/office/drawing/2014/main" id="{B19212D4-3CCD-E384-4FB1-14D324215DF3}"/>
              </a:ext>
            </a:extLst>
          </p:cNvPr>
          <p:cNvCxnSpPr>
            <a:stCxn id="34" idx="3"/>
            <a:endCxn id="88" idx="1"/>
          </p:cNvCxnSpPr>
          <p:nvPr/>
        </p:nvCxnSpPr>
        <p:spPr>
          <a:xfrm>
            <a:off x="2433213" y="2407090"/>
            <a:ext cx="198211" cy="47956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6" name="직사각형 95">
            <a:extLst>
              <a:ext uri="{FF2B5EF4-FFF2-40B4-BE49-F238E27FC236}">
                <a16:creationId xmlns:a16="http://schemas.microsoft.com/office/drawing/2014/main" id="{18CE4542-406B-1C08-F22A-A43BB3A6D544}"/>
              </a:ext>
            </a:extLst>
          </p:cNvPr>
          <p:cNvSpPr/>
          <p:nvPr/>
        </p:nvSpPr>
        <p:spPr>
          <a:xfrm>
            <a:off x="7101672" y="4697830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댓글</a:t>
            </a:r>
          </a:p>
        </p:txBody>
      </p:sp>
      <p:cxnSp>
        <p:nvCxnSpPr>
          <p:cNvPr id="98" name="직선 연결선 97">
            <a:extLst>
              <a:ext uri="{FF2B5EF4-FFF2-40B4-BE49-F238E27FC236}">
                <a16:creationId xmlns:a16="http://schemas.microsoft.com/office/drawing/2014/main" id="{12A00541-1122-B924-6451-2D95B9681145}"/>
              </a:ext>
            </a:extLst>
          </p:cNvPr>
          <p:cNvCxnSpPr>
            <a:stCxn id="69" idx="2"/>
            <a:endCxn id="96" idx="0"/>
          </p:cNvCxnSpPr>
          <p:nvPr/>
        </p:nvCxnSpPr>
        <p:spPr>
          <a:xfrm>
            <a:off x="7543530" y="4561160"/>
            <a:ext cx="0" cy="13667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04" name="직사각형 103">
            <a:extLst>
              <a:ext uri="{FF2B5EF4-FFF2-40B4-BE49-F238E27FC236}">
                <a16:creationId xmlns:a16="http://schemas.microsoft.com/office/drawing/2014/main" id="{00F5FC30-58EA-EB02-AA7D-C1F8C23C1BB7}"/>
              </a:ext>
            </a:extLst>
          </p:cNvPr>
          <p:cNvSpPr/>
          <p:nvPr/>
        </p:nvSpPr>
        <p:spPr>
          <a:xfrm>
            <a:off x="5064803" y="2932930"/>
            <a:ext cx="1031197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랜덤장소추천</a:t>
            </a:r>
          </a:p>
        </p:txBody>
      </p:sp>
      <p:cxnSp>
        <p:nvCxnSpPr>
          <p:cNvPr id="106" name="직선 연결선 105">
            <a:extLst>
              <a:ext uri="{FF2B5EF4-FFF2-40B4-BE49-F238E27FC236}">
                <a16:creationId xmlns:a16="http://schemas.microsoft.com/office/drawing/2014/main" id="{B6E50394-0761-18CE-8213-4F80E1ED2B1E}"/>
              </a:ext>
            </a:extLst>
          </p:cNvPr>
          <p:cNvCxnSpPr>
            <a:stCxn id="50" idx="0"/>
            <a:endCxn id="104" idx="2"/>
          </p:cNvCxnSpPr>
          <p:nvPr/>
        </p:nvCxnSpPr>
        <p:spPr>
          <a:xfrm flipH="1" flipV="1">
            <a:off x="5580402" y="3258185"/>
            <a:ext cx="853352" cy="31103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818310619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</p:txBody>
      </p:sp>
      <p:cxnSp>
        <p:nvCxnSpPr>
          <p:cNvPr id="5" name="직선 연결선 4">
            <a:extLst>
              <a:ext uri="{FF2B5EF4-FFF2-40B4-BE49-F238E27FC236}">
                <a16:creationId xmlns:a16="http://schemas.microsoft.com/office/drawing/2014/main" id="{84B47CAF-2801-2FC0-B1F0-313335F355E6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8483C27B-FA66-CFB8-D5D8-320813B16FC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ko-KR" sz="2000" dirty="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ERD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EB41A160-D30A-4441-8F64-57D99422CD3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53955" y="1362253"/>
            <a:ext cx="8185212" cy="47289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14613566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사각형: 둥근 위쪽 모서리 6">
            <a:extLst>
              <a:ext uri="{FF2B5EF4-FFF2-40B4-BE49-F238E27FC236}">
                <a16:creationId xmlns:a16="http://schemas.microsoft.com/office/drawing/2014/main" id="{916550D3-037F-AD81-EB0D-99B05EC3EDBD}"/>
              </a:ext>
            </a:extLst>
          </p:cNvPr>
          <p:cNvSpPr/>
          <p:nvPr/>
        </p:nvSpPr>
        <p:spPr>
          <a:xfrm rot="16200000">
            <a:off x="883362" y="1790471"/>
            <a:ext cx="1543539" cy="1024353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팀 구성과 역할</a:t>
            </a:r>
            <a:endParaRPr lang="ko-KR" altLang="en-US" dirty="0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8002772" y="1065465"/>
            <a:ext cx="370721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8" name="사각형: 둥근 모서리 7">
            <a:extLst>
              <a:ext uri="{FF2B5EF4-FFF2-40B4-BE49-F238E27FC236}">
                <a16:creationId xmlns:a16="http://schemas.microsoft.com/office/drawing/2014/main" id="{A154F5D2-A6CD-B63D-B8A3-C283EADEE90D}"/>
              </a:ext>
            </a:extLst>
          </p:cNvPr>
          <p:cNvSpPr/>
          <p:nvPr/>
        </p:nvSpPr>
        <p:spPr>
          <a:xfrm>
            <a:off x="623774" y="1487128"/>
            <a:ext cx="10944447" cy="1049077"/>
          </a:xfrm>
          <a:prstGeom prst="roundRect">
            <a:avLst/>
          </a:prstGeom>
          <a:gradFill flip="none" rotWithShape="1">
            <a:gsLst>
              <a:gs pos="100000">
                <a:schemeClr val="bg1"/>
              </a:gs>
              <a:gs pos="19000">
                <a:schemeClr val="bg1"/>
              </a:gs>
              <a:gs pos="18000">
                <a:srgbClr val="97BCD5"/>
              </a:gs>
              <a:gs pos="0">
                <a:srgbClr val="6A9EC2"/>
              </a:gs>
            </a:gsLst>
            <a:lin ang="0" scaled="1"/>
            <a:tileRect/>
          </a:gra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9" name="사각형: 둥근 모서리 8">
            <a:extLst>
              <a:ext uri="{FF2B5EF4-FFF2-40B4-BE49-F238E27FC236}">
                <a16:creationId xmlns:a16="http://schemas.microsoft.com/office/drawing/2014/main" id="{688645D1-B71B-F010-F1D6-468520514BA9}"/>
              </a:ext>
            </a:extLst>
          </p:cNvPr>
          <p:cNvSpPr/>
          <p:nvPr/>
        </p:nvSpPr>
        <p:spPr>
          <a:xfrm>
            <a:off x="623774" y="2759600"/>
            <a:ext cx="10944447" cy="1049077"/>
          </a:xfrm>
          <a:prstGeom prst="round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사각형: 둥근 모서리 9">
            <a:extLst>
              <a:ext uri="{FF2B5EF4-FFF2-40B4-BE49-F238E27FC236}">
                <a16:creationId xmlns:a16="http://schemas.microsoft.com/office/drawing/2014/main" id="{B7D1B98A-9B18-6E87-1194-59B88F53E0FE}"/>
              </a:ext>
            </a:extLst>
          </p:cNvPr>
          <p:cNvSpPr/>
          <p:nvPr/>
        </p:nvSpPr>
        <p:spPr>
          <a:xfrm>
            <a:off x="623774" y="4032072"/>
            <a:ext cx="10944447" cy="1049077"/>
          </a:xfrm>
          <a:prstGeom prst="round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1" name="사각형: 둥근 모서리 10">
            <a:extLst>
              <a:ext uri="{FF2B5EF4-FFF2-40B4-BE49-F238E27FC236}">
                <a16:creationId xmlns:a16="http://schemas.microsoft.com/office/drawing/2014/main" id="{0B3615BB-FC5C-41BE-8EA6-AED922EA2D9B}"/>
              </a:ext>
            </a:extLst>
          </p:cNvPr>
          <p:cNvSpPr/>
          <p:nvPr/>
        </p:nvSpPr>
        <p:spPr>
          <a:xfrm>
            <a:off x="623774" y="5304544"/>
            <a:ext cx="10944447" cy="1049077"/>
          </a:xfrm>
          <a:prstGeom prst="round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6" name="사각형: 둥근 모서리 15">
            <a:extLst>
              <a:ext uri="{FF2B5EF4-FFF2-40B4-BE49-F238E27FC236}">
                <a16:creationId xmlns:a16="http://schemas.microsoft.com/office/drawing/2014/main" id="{DA887D9A-3474-6F6A-4DE0-868637B33D72}"/>
              </a:ext>
            </a:extLst>
          </p:cNvPr>
          <p:cNvSpPr/>
          <p:nvPr/>
        </p:nvSpPr>
        <p:spPr>
          <a:xfrm>
            <a:off x="623773" y="2759599"/>
            <a:ext cx="10944447" cy="1049077"/>
          </a:xfrm>
          <a:prstGeom prst="roundRect">
            <a:avLst/>
          </a:prstGeom>
          <a:noFill/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7" name="사각형: 둥근 모서리 16">
            <a:extLst>
              <a:ext uri="{FF2B5EF4-FFF2-40B4-BE49-F238E27FC236}">
                <a16:creationId xmlns:a16="http://schemas.microsoft.com/office/drawing/2014/main" id="{8F5D1783-1BF7-5CD6-FF02-3A8C461F3232}"/>
              </a:ext>
            </a:extLst>
          </p:cNvPr>
          <p:cNvSpPr/>
          <p:nvPr/>
        </p:nvSpPr>
        <p:spPr>
          <a:xfrm>
            <a:off x="623772" y="4032072"/>
            <a:ext cx="10944447" cy="1049077"/>
          </a:xfrm>
          <a:prstGeom prst="roundRect">
            <a:avLst/>
          </a:prstGeom>
          <a:noFill/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8" name="사각형: 둥근 모서리 17">
            <a:extLst>
              <a:ext uri="{FF2B5EF4-FFF2-40B4-BE49-F238E27FC236}">
                <a16:creationId xmlns:a16="http://schemas.microsoft.com/office/drawing/2014/main" id="{86A57CE6-E9C1-F455-7E1D-3503C6D0D7F3}"/>
              </a:ext>
            </a:extLst>
          </p:cNvPr>
          <p:cNvSpPr/>
          <p:nvPr/>
        </p:nvSpPr>
        <p:spPr>
          <a:xfrm>
            <a:off x="623772" y="5304544"/>
            <a:ext cx="10944447" cy="1049077"/>
          </a:xfrm>
          <a:prstGeom prst="roundRect">
            <a:avLst/>
          </a:prstGeom>
          <a:noFill/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A24E508F-E3BE-DDD8-E2E1-2556FCC4304B}"/>
              </a:ext>
            </a:extLst>
          </p:cNvPr>
          <p:cNvSpPr txBox="1"/>
          <p:nvPr/>
        </p:nvSpPr>
        <p:spPr>
          <a:xfrm>
            <a:off x="864778" y="1530880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>
                <a:solidFill>
                  <a:schemeClr val="bg1"/>
                </a:solidFill>
              </a:rPr>
              <a:t>국하현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B7457885-D0BE-B8C1-7F5B-DEE23AC68B1F}"/>
              </a:ext>
            </a:extLst>
          </p:cNvPr>
          <p:cNvSpPr txBox="1"/>
          <p:nvPr/>
        </p:nvSpPr>
        <p:spPr>
          <a:xfrm>
            <a:off x="1244006" y="2164812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장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A998DF30-8F54-4D79-35A2-B08924D5F06E}"/>
              </a:ext>
            </a:extLst>
          </p:cNvPr>
          <p:cNvSpPr txBox="1"/>
          <p:nvPr/>
        </p:nvSpPr>
        <p:spPr>
          <a:xfrm>
            <a:off x="864778" y="2801912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/>
              <a:t>김유경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F2089236-827B-BFA0-0F1E-66B463984BEA}"/>
              </a:ext>
            </a:extLst>
          </p:cNvPr>
          <p:cNvSpPr txBox="1"/>
          <p:nvPr/>
        </p:nvSpPr>
        <p:spPr>
          <a:xfrm>
            <a:off x="1244006" y="3428999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/>
              <a:t>팀원</a:t>
            </a: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E6F9E4CC-FBDD-CBB4-E827-65344BFFA420}"/>
              </a:ext>
            </a:extLst>
          </p:cNvPr>
          <p:cNvSpPr txBox="1"/>
          <p:nvPr/>
        </p:nvSpPr>
        <p:spPr>
          <a:xfrm>
            <a:off x="1244006" y="4704027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/>
              <a:t>팀원</a:t>
            </a: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62E82EC8-24D6-85F9-D04D-E3E7A1ADAA26}"/>
              </a:ext>
            </a:extLst>
          </p:cNvPr>
          <p:cNvSpPr txBox="1"/>
          <p:nvPr/>
        </p:nvSpPr>
        <p:spPr>
          <a:xfrm>
            <a:off x="1244006" y="5959605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/>
              <a:t>팀원</a:t>
            </a:r>
          </a:p>
        </p:txBody>
      </p:sp>
      <p:cxnSp>
        <p:nvCxnSpPr>
          <p:cNvPr id="28" name="직선 연결선 27">
            <a:extLst>
              <a:ext uri="{FF2B5EF4-FFF2-40B4-BE49-F238E27FC236}">
                <a16:creationId xmlns:a16="http://schemas.microsoft.com/office/drawing/2014/main" id="{35734083-88D2-F7EE-D768-90C13CC4D6D4}"/>
              </a:ext>
            </a:extLst>
          </p:cNvPr>
          <p:cNvCxnSpPr/>
          <p:nvPr/>
        </p:nvCxnSpPr>
        <p:spPr>
          <a:xfrm>
            <a:off x="623770" y="2144185"/>
            <a:ext cx="1984749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29" name="직선 연결선 28">
            <a:extLst>
              <a:ext uri="{FF2B5EF4-FFF2-40B4-BE49-F238E27FC236}">
                <a16:creationId xmlns:a16="http://schemas.microsoft.com/office/drawing/2014/main" id="{B6702564-EAFF-DF91-03D1-0070BA3ED50B}"/>
              </a:ext>
            </a:extLst>
          </p:cNvPr>
          <p:cNvCxnSpPr/>
          <p:nvPr/>
        </p:nvCxnSpPr>
        <p:spPr>
          <a:xfrm>
            <a:off x="623770" y="5969888"/>
            <a:ext cx="1984749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0" name="직선 연결선 29">
            <a:extLst>
              <a:ext uri="{FF2B5EF4-FFF2-40B4-BE49-F238E27FC236}">
                <a16:creationId xmlns:a16="http://schemas.microsoft.com/office/drawing/2014/main" id="{0E3017DF-7CEF-68CE-7202-D0B50ECF83F8}"/>
              </a:ext>
            </a:extLst>
          </p:cNvPr>
          <p:cNvCxnSpPr/>
          <p:nvPr/>
        </p:nvCxnSpPr>
        <p:spPr>
          <a:xfrm>
            <a:off x="623770" y="4663587"/>
            <a:ext cx="1984749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1" name="직선 연결선 30">
            <a:extLst>
              <a:ext uri="{FF2B5EF4-FFF2-40B4-BE49-F238E27FC236}">
                <a16:creationId xmlns:a16="http://schemas.microsoft.com/office/drawing/2014/main" id="{FB398985-58D7-EB7E-ACA4-68C1A6A42731}"/>
              </a:ext>
            </a:extLst>
          </p:cNvPr>
          <p:cNvCxnSpPr/>
          <p:nvPr/>
        </p:nvCxnSpPr>
        <p:spPr>
          <a:xfrm>
            <a:off x="623770" y="3428999"/>
            <a:ext cx="1984749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2" name="TextBox 31">
            <a:extLst>
              <a:ext uri="{FF2B5EF4-FFF2-40B4-BE49-F238E27FC236}">
                <a16:creationId xmlns:a16="http://schemas.microsoft.com/office/drawing/2014/main" id="{67D3C38F-142B-1654-DC68-46C41A28D847}"/>
              </a:ext>
            </a:extLst>
          </p:cNvPr>
          <p:cNvSpPr txBox="1"/>
          <p:nvPr/>
        </p:nvSpPr>
        <p:spPr>
          <a:xfrm>
            <a:off x="864778" y="4052875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/>
              <a:t>조병철</a:t>
            </a: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AF1203FA-5BF0-6505-AE30-3642AF446638}"/>
              </a:ext>
            </a:extLst>
          </p:cNvPr>
          <p:cNvSpPr txBox="1"/>
          <p:nvPr/>
        </p:nvSpPr>
        <p:spPr>
          <a:xfrm>
            <a:off x="864778" y="5359175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/>
              <a:t>김민재</a:t>
            </a:r>
          </a:p>
        </p:txBody>
      </p:sp>
      <p:sp>
        <p:nvSpPr>
          <p:cNvPr id="12" name="사각형: 둥근 위쪽 모서리 11">
            <a:extLst>
              <a:ext uri="{FF2B5EF4-FFF2-40B4-BE49-F238E27FC236}">
                <a16:creationId xmlns:a16="http://schemas.microsoft.com/office/drawing/2014/main" id="{B920452C-4DC6-5077-45E1-20F6E6D15333}"/>
              </a:ext>
            </a:extLst>
          </p:cNvPr>
          <p:cNvSpPr/>
          <p:nvPr/>
        </p:nvSpPr>
        <p:spPr>
          <a:xfrm rot="16200000">
            <a:off x="1116415" y="994481"/>
            <a:ext cx="1049079" cy="2034370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cxnSp>
        <p:nvCxnSpPr>
          <p:cNvPr id="13" name="직선 연결선 12">
            <a:extLst>
              <a:ext uri="{FF2B5EF4-FFF2-40B4-BE49-F238E27FC236}">
                <a16:creationId xmlns:a16="http://schemas.microsoft.com/office/drawing/2014/main" id="{30D80BE1-0C5B-D40C-377B-554EBA530FD1}"/>
              </a:ext>
            </a:extLst>
          </p:cNvPr>
          <p:cNvCxnSpPr>
            <a:cxnSpLocks/>
          </p:cNvCxnSpPr>
          <p:nvPr/>
        </p:nvCxnSpPr>
        <p:spPr>
          <a:xfrm>
            <a:off x="623769" y="2164812"/>
            <a:ext cx="2034371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5" name="TextBox 14">
            <a:extLst>
              <a:ext uri="{FF2B5EF4-FFF2-40B4-BE49-F238E27FC236}">
                <a16:creationId xmlns:a16="http://schemas.microsoft.com/office/drawing/2014/main" id="{2E253FEF-C7F9-876A-09D7-FF01CCC1647F}"/>
              </a:ext>
            </a:extLst>
          </p:cNvPr>
          <p:cNvSpPr txBox="1"/>
          <p:nvPr/>
        </p:nvSpPr>
        <p:spPr>
          <a:xfrm>
            <a:off x="939209" y="1545145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 dirty="0" err="1">
                <a:solidFill>
                  <a:schemeClr val="bg1"/>
                </a:solidFill>
              </a:rPr>
              <a:t>국하현</a:t>
            </a:r>
            <a:endParaRPr lang="ko-KR" altLang="en-US" sz="3200" b="1" dirty="0">
              <a:solidFill>
                <a:schemeClr val="bg1"/>
              </a:solidFill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F4585712-3FA7-C781-837F-BBC232142067}"/>
              </a:ext>
            </a:extLst>
          </p:cNvPr>
          <p:cNvSpPr txBox="1"/>
          <p:nvPr/>
        </p:nvSpPr>
        <p:spPr>
          <a:xfrm>
            <a:off x="1318437" y="2177154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장</a:t>
            </a:r>
          </a:p>
        </p:txBody>
      </p:sp>
      <p:sp>
        <p:nvSpPr>
          <p:cNvPr id="26" name="사각형: 둥근 위쪽 모서리 25">
            <a:extLst>
              <a:ext uri="{FF2B5EF4-FFF2-40B4-BE49-F238E27FC236}">
                <a16:creationId xmlns:a16="http://schemas.microsoft.com/office/drawing/2014/main" id="{EBC819FC-D760-2BE2-0BB2-93502E2A912B}"/>
              </a:ext>
            </a:extLst>
          </p:cNvPr>
          <p:cNvSpPr/>
          <p:nvPr/>
        </p:nvSpPr>
        <p:spPr>
          <a:xfrm rot="16200000">
            <a:off x="1112868" y="2274779"/>
            <a:ext cx="1049079" cy="2034370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7" name="사각형: 둥근 위쪽 모서리 26">
            <a:extLst>
              <a:ext uri="{FF2B5EF4-FFF2-40B4-BE49-F238E27FC236}">
                <a16:creationId xmlns:a16="http://schemas.microsoft.com/office/drawing/2014/main" id="{918D4D66-C28A-680E-51F5-F4D06F5F3CCD}"/>
              </a:ext>
            </a:extLst>
          </p:cNvPr>
          <p:cNvSpPr/>
          <p:nvPr/>
        </p:nvSpPr>
        <p:spPr>
          <a:xfrm rot="16200000">
            <a:off x="1112869" y="3531861"/>
            <a:ext cx="1049079" cy="2034370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4" name="사각형: 둥근 위쪽 모서리 33">
            <a:extLst>
              <a:ext uri="{FF2B5EF4-FFF2-40B4-BE49-F238E27FC236}">
                <a16:creationId xmlns:a16="http://schemas.microsoft.com/office/drawing/2014/main" id="{B84EEC09-FAAB-93A6-B0B4-696093083F5B}"/>
              </a:ext>
            </a:extLst>
          </p:cNvPr>
          <p:cNvSpPr/>
          <p:nvPr/>
        </p:nvSpPr>
        <p:spPr>
          <a:xfrm rot="16200000">
            <a:off x="1130585" y="4807812"/>
            <a:ext cx="1049079" cy="2034370"/>
          </a:xfrm>
          <a:prstGeom prst="round2Same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cxnSp>
        <p:nvCxnSpPr>
          <p:cNvPr id="35" name="직선 연결선 34">
            <a:extLst>
              <a:ext uri="{FF2B5EF4-FFF2-40B4-BE49-F238E27FC236}">
                <a16:creationId xmlns:a16="http://schemas.microsoft.com/office/drawing/2014/main" id="{D54FA2AF-0EF2-4F2D-4F94-A356665293F7}"/>
              </a:ext>
            </a:extLst>
          </p:cNvPr>
          <p:cNvCxnSpPr>
            <a:cxnSpLocks/>
          </p:cNvCxnSpPr>
          <p:nvPr/>
        </p:nvCxnSpPr>
        <p:spPr>
          <a:xfrm>
            <a:off x="620221" y="3442490"/>
            <a:ext cx="2034371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6" name="직선 연결선 35">
            <a:extLst>
              <a:ext uri="{FF2B5EF4-FFF2-40B4-BE49-F238E27FC236}">
                <a16:creationId xmlns:a16="http://schemas.microsoft.com/office/drawing/2014/main" id="{EFACF521-3ACE-E9A7-6001-3D23ADBD1315}"/>
              </a:ext>
            </a:extLst>
          </p:cNvPr>
          <p:cNvCxnSpPr>
            <a:cxnSpLocks/>
          </p:cNvCxnSpPr>
          <p:nvPr/>
        </p:nvCxnSpPr>
        <p:spPr>
          <a:xfrm>
            <a:off x="620220" y="4704027"/>
            <a:ext cx="2034371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7" name="직선 연결선 36">
            <a:extLst>
              <a:ext uri="{FF2B5EF4-FFF2-40B4-BE49-F238E27FC236}">
                <a16:creationId xmlns:a16="http://schemas.microsoft.com/office/drawing/2014/main" id="{8F0557A4-7F8B-0BEA-146D-76D8119B4450}"/>
              </a:ext>
            </a:extLst>
          </p:cNvPr>
          <p:cNvCxnSpPr>
            <a:cxnSpLocks/>
          </p:cNvCxnSpPr>
          <p:nvPr/>
        </p:nvCxnSpPr>
        <p:spPr>
          <a:xfrm>
            <a:off x="637938" y="5976291"/>
            <a:ext cx="2034371" cy="0"/>
          </a:xfrm>
          <a:prstGeom prst="line">
            <a:avLst/>
          </a:prstGeom>
          <a:ln>
            <a:solidFill>
              <a:schemeClr val="bg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8" name="TextBox 37">
            <a:extLst>
              <a:ext uri="{FF2B5EF4-FFF2-40B4-BE49-F238E27FC236}">
                <a16:creationId xmlns:a16="http://schemas.microsoft.com/office/drawing/2014/main" id="{BBF6CCFC-FBFA-F780-335F-AE564417FFAF}"/>
              </a:ext>
            </a:extLst>
          </p:cNvPr>
          <p:cNvSpPr txBox="1"/>
          <p:nvPr/>
        </p:nvSpPr>
        <p:spPr>
          <a:xfrm>
            <a:off x="894111" y="2801911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>
                <a:solidFill>
                  <a:schemeClr val="bg1"/>
                </a:solidFill>
              </a:rPr>
              <a:t>김유경</a:t>
            </a:r>
          </a:p>
        </p:txBody>
      </p:sp>
      <p:sp>
        <p:nvSpPr>
          <p:cNvPr id="39" name="TextBox 38">
            <a:extLst>
              <a:ext uri="{FF2B5EF4-FFF2-40B4-BE49-F238E27FC236}">
                <a16:creationId xmlns:a16="http://schemas.microsoft.com/office/drawing/2014/main" id="{EBE1EEA0-D9A8-A30B-31D8-DA6B1514F6EA}"/>
              </a:ext>
            </a:extLst>
          </p:cNvPr>
          <p:cNvSpPr txBox="1"/>
          <p:nvPr/>
        </p:nvSpPr>
        <p:spPr>
          <a:xfrm>
            <a:off x="899467" y="4103565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>
                <a:solidFill>
                  <a:schemeClr val="bg1"/>
                </a:solidFill>
              </a:rPr>
              <a:t>조병철</a:t>
            </a:r>
          </a:p>
        </p:txBody>
      </p:sp>
      <p:sp>
        <p:nvSpPr>
          <p:cNvPr id="40" name="TextBox 39">
            <a:extLst>
              <a:ext uri="{FF2B5EF4-FFF2-40B4-BE49-F238E27FC236}">
                <a16:creationId xmlns:a16="http://schemas.microsoft.com/office/drawing/2014/main" id="{2BA11B89-997A-4152-5C5B-50BF77492235}"/>
              </a:ext>
            </a:extLst>
          </p:cNvPr>
          <p:cNvSpPr txBox="1"/>
          <p:nvPr/>
        </p:nvSpPr>
        <p:spPr>
          <a:xfrm>
            <a:off x="894110" y="5355091"/>
            <a:ext cx="174374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3200" b="1">
                <a:solidFill>
                  <a:schemeClr val="bg1"/>
                </a:solidFill>
              </a:rPr>
              <a:t>김민재</a:t>
            </a:r>
          </a:p>
        </p:txBody>
      </p:sp>
      <p:sp>
        <p:nvSpPr>
          <p:cNvPr id="43" name="TextBox 42">
            <a:extLst>
              <a:ext uri="{FF2B5EF4-FFF2-40B4-BE49-F238E27FC236}">
                <a16:creationId xmlns:a16="http://schemas.microsoft.com/office/drawing/2014/main" id="{6623732F-FB65-B713-6C2A-5532FBB28673}"/>
              </a:ext>
            </a:extLst>
          </p:cNvPr>
          <p:cNvSpPr txBox="1"/>
          <p:nvPr/>
        </p:nvSpPr>
        <p:spPr>
          <a:xfrm>
            <a:off x="1318437" y="3449128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원</a:t>
            </a:r>
          </a:p>
        </p:txBody>
      </p:sp>
      <p:sp>
        <p:nvSpPr>
          <p:cNvPr id="44" name="TextBox 43">
            <a:extLst>
              <a:ext uri="{FF2B5EF4-FFF2-40B4-BE49-F238E27FC236}">
                <a16:creationId xmlns:a16="http://schemas.microsoft.com/office/drawing/2014/main" id="{0F5994A0-DD53-47B8-546B-99CF003AD8B7}"/>
              </a:ext>
            </a:extLst>
          </p:cNvPr>
          <p:cNvSpPr txBox="1"/>
          <p:nvPr/>
        </p:nvSpPr>
        <p:spPr>
          <a:xfrm>
            <a:off x="1318437" y="4712658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원</a:t>
            </a:r>
          </a:p>
        </p:txBody>
      </p:sp>
      <p:sp>
        <p:nvSpPr>
          <p:cNvPr id="45" name="TextBox 44">
            <a:extLst>
              <a:ext uri="{FF2B5EF4-FFF2-40B4-BE49-F238E27FC236}">
                <a16:creationId xmlns:a16="http://schemas.microsoft.com/office/drawing/2014/main" id="{33EBAED0-05BF-68C5-FAF8-431B72FE7F65}"/>
              </a:ext>
            </a:extLst>
          </p:cNvPr>
          <p:cNvSpPr txBox="1"/>
          <p:nvPr/>
        </p:nvSpPr>
        <p:spPr>
          <a:xfrm>
            <a:off x="1318437" y="5988008"/>
            <a:ext cx="98528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</a:rPr>
              <a:t>팀원</a:t>
            </a:r>
          </a:p>
        </p:txBody>
      </p:sp>
      <p:sp>
        <p:nvSpPr>
          <p:cNvPr id="46" name="TextBox 45">
            <a:extLst>
              <a:ext uri="{FF2B5EF4-FFF2-40B4-BE49-F238E27FC236}">
                <a16:creationId xmlns:a16="http://schemas.microsoft.com/office/drawing/2014/main" id="{058FEFC8-7513-E91A-8D4E-73D2CBBC83D8}"/>
              </a:ext>
            </a:extLst>
          </p:cNvPr>
          <p:cNvSpPr txBox="1"/>
          <p:nvPr/>
        </p:nvSpPr>
        <p:spPr>
          <a:xfrm>
            <a:off x="2849523" y="1486287"/>
            <a:ext cx="6938501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관리자페이지</a:t>
            </a:r>
            <a:r>
              <a:rPr lang="en-US" altLang="ko-KR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이벤트페이지</a:t>
            </a:r>
            <a:r>
              <a:rPr lang="en-US" altLang="ko-KR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공통</a:t>
            </a:r>
            <a:r>
              <a:rPr lang="en-US" altLang="ko-KR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UI </a:t>
            </a:r>
            <a:r>
              <a:rPr lang="ko-KR" altLang="en-US" sz="1600" b="1" dirty="0">
                <a:latin typeface="HY견고딕" panose="02030600000101010101" pitchFamily="18" charset="-127"/>
                <a:ea typeface="HY견고딕" panose="02030600000101010101" pitchFamily="18" charset="-127"/>
              </a:rPr>
              <a:t>구현</a:t>
            </a:r>
            <a:endParaRPr lang="en-US" altLang="ko-KR" sz="1600" b="1" dirty="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760733FC-526A-2FCB-E664-3100FE63EB8A}"/>
              </a:ext>
            </a:extLst>
          </p:cNvPr>
          <p:cNvSpPr txBox="1"/>
          <p:nvPr/>
        </p:nvSpPr>
        <p:spPr>
          <a:xfrm>
            <a:off x="2940837" y="1740930"/>
            <a:ext cx="8718698" cy="16389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100" dirty="0" err="1">
                <a:latin typeface="+mj-ea"/>
                <a:ea typeface="+mj-ea"/>
              </a:rPr>
              <a:t>깃허브</a:t>
            </a:r>
            <a:r>
              <a:rPr lang="ko-KR" altLang="en-US" sz="1100" dirty="0">
                <a:latin typeface="+mj-ea"/>
                <a:ea typeface="+mj-ea"/>
              </a:rPr>
              <a:t> 관리자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프로젝트 소스 코드 관리 및 버전 컨트롤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 err="1">
                <a:latin typeface="+mj-ea"/>
                <a:ea typeface="+mj-ea"/>
              </a:rPr>
              <a:t>깃허브</a:t>
            </a:r>
            <a:r>
              <a:rPr lang="ko-KR" altLang="en-US" sz="1100" dirty="0">
                <a:latin typeface="+mj-ea"/>
                <a:ea typeface="+mj-ea"/>
              </a:rPr>
              <a:t> </a:t>
            </a:r>
            <a:r>
              <a:rPr lang="ko-KR" altLang="en-US" sz="1100" dirty="0" err="1">
                <a:latin typeface="+mj-ea"/>
                <a:ea typeface="+mj-ea"/>
              </a:rPr>
              <a:t>리포지토리</a:t>
            </a:r>
            <a:r>
              <a:rPr lang="ko-KR" altLang="en-US" sz="1100" dirty="0">
                <a:latin typeface="+mj-ea"/>
                <a:ea typeface="+mj-ea"/>
              </a:rPr>
              <a:t> 설정 및 관리와 통합 테스트 수행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100" dirty="0">
                <a:latin typeface="+mj-ea"/>
                <a:ea typeface="+mj-ea"/>
              </a:rPr>
              <a:t>테스트 및 유지보수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요구사항 분석 후 리스크 식별 및 테스트 자동화를 통해 효율적인 실행과 결과 보고 수행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구현 기능</a:t>
            </a:r>
            <a:r>
              <a:rPr lang="en-US" altLang="ko-KR" sz="1100" dirty="0">
                <a:latin typeface="+mj-ea"/>
                <a:ea typeface="+mj-ea"/>
              </a:rPr>
              <a:t>: URL </a:t>
            </a:r>
            <a:r>
              <a:rPr lang="ko-KR" altLang="en-US" sz="1100" dirty="0">
                <a:latin typeface="+mj-ea"/>
                <a:ea typeface="+mj-ea"/>
              </a:rPr>
              <a:t>정규화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관리자 </a:t>
            </a:r>
            <a:r>
              <a:rPr lang="en-US" altLang="ko-KR" sz="1100" dirty="0">
                <a:latin typeface="+mj-ea"/>
                <a:ea typeface="+mj-ea"/>
              </a:rPr>
              <a:t>/ </a:t>
            </a:r>
            <a:r>
              <a:rPr lang="ko-KR" altLang="en-US" sz="1100" dirty="0">
                <a:latin typeface="+mj-ea"/>
                <a:ea typeface="+mj-ea"/>
              </a:rPr>
              <a:t>이벤트 페이지의 </a:t>
            </a:r>
            <a:r>
              <a:rPr lang="en-US" altLang="ko-KR" sz="1100" dirty="0">
                <a:latin typeface="+mj-ea"/>
                <a:ea typeface="+mj-ea"/>
              </a:rPr>
              <a:t>CRUD </a:t>
            </a:r>
            <a:r>
              <a:rPr lang="ko-KR" altLang="en-US" sz="1100" dirty="0">
                <a:latin typeface="+mj-ea"/>
                <a:ea typeface="+mj-ea"/>
              </a:rPr>
              <a:t>기능 구현</a:t>
            </a:r>
            <a:r>
              <a:rPr lang="en-US" altLang="ko-KR" sz="1100" dirty="0">
                <a:latin typeface="+mj-ea"/>
                <a:ea typeface="+mj-ea"/>
              </a:rPr>
              <a:t>. </a:t>
            </a:r>
            <a:r>
              <a:rPr lang="ko-KR" altLang="en-US" sz="1100" dirty="0">
                <a:latin typeface="+mj-ea"/>
                <a:ea typeface="+mj-ea"/>
              </a:rPr>
              <a:t>전체 화면 공통 </a:t>
            </a:r>
            <a:r>
              <a:rPr lang="en-US" altLang="ko-KR" sz="1100" dirty="0">
                <a:latin typeface="+mj-ea"/>
                <a:ea typeface="+mj-ea"/>
              </a:rPr>
              <a:t>UI </a:t>
            </a:r>
            <a:r>
              <a:rPr lang="ko-KR" altLang="en-US" sz="1100" dirty="0">
                <a:latin typeface="+mj-ea"/>
                <a:ea typeface="+mj-ea"/>
              </a:rPr>
              <a:t>요소</a:t>
            </a:r>
            <a:r>
              <a:rPr lang="en-US" altLang="ko-KR" sz="1100" dirty="0">
                <a:latin typeface="+mj-ea"/>
                <a:ea typeface="+mj-ea"/>
              </a:rPr>
              <a:t>(</a:t>
            </a:r>
            <a:r>
              <a:rPr lang="ko-KR" altLang="en-US" sz="1100" dirty="0">
                <a:latin typeface="+mj-ea"/>
                <a:ea typeface="+mj-ea"/>
              </a:rPr>
              <a:t>헤더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 err="1">
                <a:latin typeface="+mj-ea"/>
                <a:ea typeface="+mj-ea"/>
              </a:rPr>
              <a:t>푸터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에러 등</a:t>
            </a:r>
            <a:r>
              <a:rPr lang="en-US" altLang="ko-KR" sz="1100" dirty="0">
                <a:latin typeface="+mj-ea"/>
                <a:ea typeface="+mj-ea"/>
              </a:rPr>
              <a:t>) </a:t>
            </a:r>
            <a:r>
              <a:rPr lang="ko-KR" altLang="en-US" sz="1100" dirty="0">
                <a:latin typeface="+mj-ea"/>
                <a:ea typeface="+mj-ea"/>
              </a:rPr>
              <a:t>디자인 및 구현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 marL="171450" indent="-171450">
              <a:buFontTx/>
              <a:buChar char="-"/>
            </a:pPr>
            <a:endParaRPr lang="en-US" altLang="ko-KR" sz="1100" dirty="0">
              <a:latin typeface="+mj-ea"/>
              <a:ea typeface="+mj-ea"/>
            </a:endParaRPr>
          </a:p>
          <a:p>
            <a:pPr marL="171450" indent="-171450">
              <a:buFontTx/>
              <a:buChar char="-"/>
            </a:pPr>
            <a:endParaRPr lang="en-US" altLang="ko-KR" sz="1100" dirty="0">
              <a:latin typeface="+mj-ea"/>
              <a:ea typeface="+mj-ea"/>
            </a:endParaRPr>
          </a:p>
          <a:p>
            <a:pPr marL="171450" indent="-171450">
              <a:buFontTx/>
              <a:buChar char="-"/>
            </a:pPr>
            <a:endParaRPr lang="en-US" altLang="ko-KR" sz="1100" dirty="0">
              <a:latin typeface="+mj-ea"/>
              <a:ea typeface="+mj-ea"/>
            </a:endParaRPr>
          </a:p>
          <a:p>
            <a:endParaRPr lang="ko-KR" altLang="en-US" dirty="0"/>
          </a:p>
        </p:txBody>
      </p:sp>
      <p:sp>
        <p:nvSpPr>
          <p:cNvPr id="41" name="TextBox 40">
            <a:extLst>
              <a:ext uri="{FF2B5EF4-FFF2-40B4-BE49-F238E27FC236}">
                <a16:creationId xmlns:a16="http://schemas.microsoft.com/office/drawing/2014/main" id="{2AA17514-7007-AE40-DA5A-D404454A3E32}"/>
              </a:ext>
            </a:extLst>
          </p:cNvPr>
          <p:cNvSpPr txBox="1"/>
          <p:nvPr/>
        </p:nvSpPr>
        <p:spPr>
          <a:xfrm>
            <a:off x="2878856" y="2747778"/>
            <a:ext cx="6938501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회원가입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 로그인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마이페이지 구현</a:t>
            </a:r>
          </a:p>
        </p:txBody>
      </p:sp>
      <p:sp>
        <p:nvSpPr>
          <p:cNvPr id="42" name="TextBox 41">
            <a:extLst>
              <a:ext uri="{FF2B5EF4-FFF2-40B4-BE49-F238E27FC236}">
                <a16:creationId xmlns:a16="http://schemas.microsoft.com/office/drawing/2014/main" id="{1C7ED134-D75F-6848-E7E5-50C6BA071D1F}"/>
              </a:ext>
            </a:extLst>
          </p:cNvPr>
          <p:cNvSpPr txBox="1"/>
          <p:nvPr/>
        </p:nvSpPr>
        <p:spPr>
          <a:xfrm>
            <a:off x="2923952" y="2997096"/>
            <a:ext cx="8718698" cy="146963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웹 퍼블리셔</a:t>
            </a:r>
            <a:r>
              <a:rPr lang="en-US" altLang="ko-KR" sz="1100" dirty="0">
                <a:latin typeface="+mj-ea"/>
                <a:ea typeface="+mj-ea"/>
              </a:rPr>
              <a:t>: UI/UX </a:t>
            </a:r>
            <a:r>
              <a:rPr lang="ko-KR" altLang="en-US" sz="1100" dirty="0">
                <a:latin typeface="+mj-ea"/>
                <a:ea typeface="+mj-ea"/>
              </a:rPr>
              <a:t>디자인을 토대로 실제 웹 페이지 코딩 및 퍼블리싱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PPT </a:t>
            </a:r>
            <a:r>
              <a:rPr lang="ko-KR" altLang="en-US" sz="1100" dirty="0">
                <a:latin typeface="+mj-ea"/>
                <a:ea typeface="+mj-ea"/>
              </a:rPr>
              <a:t>제작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프로젝트 진행 상황 및 결과를 발표하기 위한 프레젠테이션 제작 및 관리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구현 기능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회원가입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로그인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로그아웃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사용자 마이 페이지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메인 페이지의 </a:t>
            </a:r>
            <a:r>
              <a:rPr lang="en-US" altLang="ko-KR" sz="1100" dirty="0">
                <a:latin typeface="+mj-ea"/>
                <a:ea typeface="+mj-ea"/>
              </a:rPr>
              <a:t>CRUD </a:t>
            </a:r>
            <a:r>
              <a:rPr lang="ko-KR" altLang="en-US" sz="1100" dirty="0">
                <a:latin typeface="+mj-ea"/>
                <a:ea typeface="+mj-ea"/>
              </a:rPr>
              <a:t>기능 중 </a:t>
            </a:r>
            <a:r>
              <a:rPr lang="en-US" altLang="ko-KR" sz="1100" dirty="0">
                <a:latin typeface="+mj-ea"/>
                <a:ea typeface="+mj-ea"/>
              </a:rPr>
              <a:t>Create, Read, Update </a:t>
            </a:r>
            <a:r>
              <a:rPr lang="ko-KR" altLang="en-US" sz="1100" dirty="0">
                <a:latin typeface="+mj-ea"/>
                <a:ea typeface="+mj-ea"/>
              </a:rPr>
              <a:t>기능 구현</a:t>
            </a:r>
            <a:endParaRPr lang="en-US" altLang="ko-KR" sz="1100" dirty="0">
              <a:latin typeface="+mj-ea"/>
              <a:ea typeface="+mj-ea"/>
            </a:endParaRP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ko-KR" altLang="en-US" dirty="0"/>
          </a:p>
        </p:txBody>
      </p:sp>
      <p:sp>
        <p:nvSpPr>
          <p:cNvPr id="50" name="TextBox 49">
            <a:extLst>
              <a:ext uri="{FF2B5EF4-FFF2-40B4-BE49-F238E27FC236}">
                <a16:creationId xmlns:a16="http://schemas.microsoft.com/office/drawing/2014/main" id="{CF62C176-B945-71E6-0487-F23BA72A3CE3}"/>
              </a:ext>
            </a:extLst>
          </p:cNvPr>
          <p:cNvSpPr txBox="1"/>
          <p:nvPr/>
        </p:nvSpPr>
        <p:spPr>
          <a:xfrm>
            <a:off x="2895598" y="4046172"/>
            <a:ext cx="6938501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카테고리 관리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(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생성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읽기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업데이트</a:t>
            </a:r>
            <a:r>
              <a:rPr lang="en-US" altLang="ko-KR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), </a:t>
            </a: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예약 기능 구현</a:t>
            </a:r>
          </a:p>
        </p:txBody>
      </p:sp>
      <p:sp>
        <p:nvSpPr>
          <p:cNvPr id="51" name="TextBox 50">
            <a:extLst>
              <a:ext uri="{FF2B5EF4-FFF2-40B4-BE49-F238E27FC236}">
                <a16:creationId xmlns:a16="http://schemas.microsoft.com/office/drawing/2014/main" id="{F29A2E5E-0392-4B57-B566-983410CF3D35}"/>
              </a:ext>
            </a:extLst>
          </p:cNvPr>
          <p:cNvSpPr txBox="1"/>
          <p:nvPr/>
        </p:nvSpPr>
        <p:spPr>
          <a:xfrm>
            <a:off x="2894022" y="5348735"/>
            <a:ext cx="6938501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1600" b="1">
                <a:latin typeface="HY견고딕" panose="02030600000101010101" pitchFamily="18" charset="-127"/>
                <a:ea typeface="HY견고딕" panose="02030600000101010101" pitchFamily="18" charset="-127"/>
              </a:rPr>
              <a:t>전체 게시판 페이지 구현</a:t>
            </a:r>
          </a:p>
        </p:txBody>
      </p:sp>
      <p:sp>
        <p:nvSpPr>
          <p:cNvPr id="52" name="TextBox 51">
            <a:extLst>
              <a:ext uri="{FF2B5EF4-FFF2-40B4-BE49-F238E27FC236}">
                <a16:creationId xmlns:a16="http://schemas.microsoft.com/office/drawing/2014/main" id="{37AA9F01-09FF-F424-36D3-21786D67B448}"/>
              </a:ext>
            </a:extLst>
          </p:cNvPr>
          <p:cNvSpPr txBox="1"/>
          <p:nvPr/>
        </p:nvSpPr>
        <p:spPr>
          <a:xfrm>
            <a:off x="2894022" y="4374375"/>
            <a:ext cx="8718698" cy="12157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DBA: </a:t>
            </a:r>
            <a:r>
              <a:rPr lang="ko-KR" altLang="en-US" sz="1100" dirty="0">
                <a:latin typeface="+mj-ea"/>
                <a:ea typeface="+mj-ea"/>
              </a:rPr>
              <a:t>데이터베이스 설계 및 관리</a:t>
            </a:r>
            <a:r>
              <a:rPr lang="en-US" altLang="ko-KR" sz="1100" dirty="0">
                <a:latin typeface="+mj-ea"/>
                <a:ea typeface="+mj-ea"/>
              </a:rPr>
              <a:t>. </a:t>
            </a:r>
            <a:r>
              <a:rPr lang="ko-KR" altLang="en-US" sz="1100" dirty="0">
                <a:latin typeface="+mj-ea"/>
                <a:ea typeface="+mj-ea"/>
              </a:rPr>
              <a:t>데이터베이스 최적화 및 유지보수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구현 기능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카테고리 관리</a:t>
            </a:r>
            <a:r>
              <a:rPr lang="en-US" altLang="ko-KR" sz="1100" dirty="0">
                <a:latin typeface="+mj-ea"/>
                <a:ea typeface="+mj-ea"/>
              </a:rPr>
              <a:t>(</a:t>
            </a:r>
            <a:r>
              <a:rPr lang="ko-KR" altLang="en-US" sz="1100" dirty="0">
                <a:latin typeface="+mj-ea"/>
                <a:ea typeface="+mj-ea"/>
              </a:rPr>
              <a:t>생성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읽기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업데이트</a:t>
            </a:r>
            <a:r>
              <a:rPr lang="en-US" altLang="ko-KR" sz="1100" dirty="0">
                <a:latin typeface="+mj-ea"/>
                <a:ea typeface="+mj-ea"/>
              </a:rPr>
              <a:t>), </a:t>
            </a:r>
            <a:r>
              <a:rPr lang="ko-KR" altLang="en-US" sz="1100" dirty="0">
                <a:latin typeface="+mj-ea"/>
                <a:ea typeface="+mj-ea"/>
              </a:rPr>
              <a:t>예약 기능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메인 페이지의 </a:t>
            </a:r>
            <a:r>
              <a:rPr lang="en-US" altLang="ko-KR" sz="1100" dirty="0">
                <a:latin typeface="+mj-ea"/>
                <a:ea typeface="+mj-ea"/>
              </a:rPr>
              <a:t>CRUD </a:t>
            </a:r>
            <a:r>
              <a:rPr lang="ko-KR" altLang="en-US" sz="1100" dirty="0">
                <a:latin typeface="+mj-ea"/>
                <a:ea typeface="+mj-ea"/>
              </a:rPr>
              <a:t>기능 중 </a:t>
            </a:r>
            <a:r>
              <a:rPr lang="en-US" altLang="ko-KR" sz="1100" dirty="0">
                <a:latin typeface="+mj-ea"/>
                <a:ea typeface="+mj-ea"/>
              </a:rPr>
              <a:t>Read </a:t>
            </a:r>
            <a:r>
              <a:rPr lang="ko-KR" altLang="en-US" sz="1100" dirty="0">
                <a:latin typeface="+mj-ea"/>
                <a:ea typeface="+mj-ea"/>
              </a:rPr>
              <a:t>구현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ko-KR" altLang="en-US" dirty="0"/>
          </a:p>
        </p:txBody>
      </p:sp>
      <p:sp>
        <p:nvSpPr>
          <p:cNvPr id="53" name="TextBox 52">
            <a:extLst>
              <a:ext uri="{FF2B5EF4-FFF2-40B4-BE49-F238E27FC236}">
                <a16:creationId xmlns:a16="http://schemas.microsoft.com/office/drawing/2014/main" id="{BB017DF0-502C-A5FE-0742-F71EC272D23C}"/>
              </a:ext>
            </a:extLst>
          </p:cNvPr>
          <p:cNvSpPr txBox="1"/>
          <p:nvPr/>
        </p:nvSpPr>
        <p:spPr>
          <a:xfrm>
            <a:off x="2923952" y="5668530"/>
            <a:ext cx="8718698" cy="12157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문서 관리자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프로젝트 문서화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회의록 작성</a:t>
            </a:r>
            <a:r>
              <a:rPr lang="en-US" altLang="ko-KR" sz="1100" dirty="0">
                <a:latin typeface="+mj-ea"/>
                <a:ea typeface="+mj-ea"/>
              </a:rPr>
              <a:t>, </a:t>
            </a:r>
            <a:r>
              <a:rPr lang="ko-KR" altLang="en-US" sz="1100" dirty="0">
                <a:latin typeface="+mj-ea"/>
                <a:ea typeface="+mj-ea"/>
              </a:rPr>
              <a:t>개발 문서 관리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r>
              <a:rPr lang="en-US" altLang="ko-KR" sz="1100" dirty="0">
                <a:latin typeface="+mj-ea"/>
                <a:ea typeface="+mj-ea"/>
              </a:rPr>
              <a:t>- </a:t>
            </a:r>
            <a:r>
              <a:rPr lang="ko-KR" altLang="en-US" sz="1100" dirty="0">
                <a:latin typeface="+mj-ea"/>
                <a:ea typeface="+mj-ea"/>
              </a:rPr>
              <a:t>구현 기능</a:t>
            </a:r>
            <a:r>
              <a:rPr lang="en-US" altLang="ko-KR" sz="1100" dirty="0">
                <a:latin typeface="+mj-ea"/>
                <a:ea typeface="+mj-ea"/>
              </a:rPr>
              <a:t>: </a:t>
            </a:r>
            <a:r>
              <a:rPr lang="ko-KR" altLang="en-US" sz="1100" dirty="0">
                <a:latin typeface="+mj-ea"/>
                <a:ea typeface="+mj-ea"/>
              </a:rPr>
              <a:t>게시판 전체 페이지의 </a:t>
            </a:r>
            <a:r>
              <a:rPr lang="en-US" altLang="ko-KR" sz="1100" dirty="0">
                <a:latin typeface="+mj-ea"/>
                <a:ea typeface="+mj-ea"/>
              </a:rPr>
              <a:t>CRUD </a:t>
            </a:r>
            <a:r>
              <a:rPr lang="ko-KR" altLang="en-US" sz="1100" dirty="0">
                <a:latin typeface="+mj-ea"/>
                <a:ea typeface="+mj-ea"/>
              </a:rPr>
              <a:t>기능 구현</a:t>
            </a:r>
            <a:r>
              <a:rPr lang="en-US" altLang="ko-KR" sz="1100" dirty="0">
                <a:latin typeface="+mj-ea"/>
                <a:ea typeface="+mj-ea"/>
              </a:rPr>
              <a:t>. </a:t>
            </a:r>
            <a:r>
              <a:rPr lang="ko-KR" altLang="en-US" sz="1100" dirty="0">
                <a:latin typeface="+mj-ea"/>
                <a:ea typeface="+mj-ea"/>
              </a:rPr>
              <a:t>사용자 및 관리자 페이지 포함</a:t>
            </a:r>
            <a:r>
              <a:rPr lang="en-US" altLang="ko-KR" sz="1100" dirty="0">
                <a:latin typeface="+mj-ea"/>
                <a:ea typeface="+mj-ea"/>
              </a:rPr>
              <a:t>.</a:t>
            </a: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en-US" altLang="ko-KR" sz="1100" dirty="0">
              <a:latin typeface="+mj-ea"/>
              <a:ea typeface="+mj-ea"/>
            </a:endParaRPr>
          </a:p>
          <a:p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519004451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rgbClr val="FFFFFF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15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4015</TotalTime>
  <Words>869</Words>
  <Application>Microsoft Office PowerPoint</Application>
  <PresentationFormat>와이드스크린</PresentationFormat>
  <Paragraphs>192</Paragraphs>
  <Slides>27</Slides>
  <Notes>4</Notes>
  <HiddenSlides>0</HiddenSlides>
  <MMClips>0</MMClips>
  <ScaleCrop>false</ScaleCrop>
  <HeadingPairs>
    <vt:vector size="6" baseType="variant">
      <vt:variant>
        <vt:lpstr>사용한 글꼴</vt:lpstr>
      </vt:variant>
      <vt:variant>
        <vt:i4>8</vt:i4>
      </vt:variant>
      <vt:variant>
        <vt:lpstr>테마</vt:lpstr>
      </vt:variant>
      <vt:variant>
        <vt:i4>1</vt:i4>
      </vt:variant>
      <vt:variant>
        <vt:lpstr>슬라이드 제목</vt:lpstr>
      </vt:variant>
      <vt:variant>
        <vt:i4>27</vt:i4>
      </vt:variant>
    </vt:vector>
  </HeadingPairs>
  <TitlesOfParts>
    <vt:vector size="36" baseType="lpstr">
      <vt:lpstr>-apple-system</vt:lpstr>
      <vt:lpstr>HY견고딕</vt:lpstr>
      <vt:lpstr>맑은 고딕</vt:lpstr>
      <vt:lpstr>휴먼둥근헤드라인</vt:lpstr>
      <vt:lpstr>휴먼모음T</vt:lpstr>
      <vt:lpstr>Amasis MT Pro Black</vt:lpstr>
      <vt:lpstr>Arial</vt:lpstr>
      <vt:lpstr>Wingdings</vt:lpstr>
      <vt:lpstr>Office 테마</vt:lpstr>
      <vt:lpstr>Dog With You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og With You</dc:title>
  <dc:creator>유경 김</dc:creator>
  <cp:lastModifiedBy>tj</cp:lastModifiedBy>
  <cp:revision>39</cp:revision>
  <dcterms:created xsi:type="dcterms:W3CDTF">2024-07-10T14:39:45Z</dcterms:created>
  <dcterms:modified xsi:type="dcterms:W3CDTF">2024-08-20T03:53:43Z</dcterms:modified>
</cp:coreProperties>
</file>